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mc:AlternateContent xmlns:mc="http://schemas.openxmlformats.org/markup-compatibility/2006">
    <mc:Choice Requires="x15">
      <x15ac:absPath xmlns:x15ac="http://schemas.microsoft.com/office/spreadsheetml/2010/11/ac" url="C:\Users\s137539\Desktop\製品環境品質\環境資料\"/>
    </mc:Choice>
  </mc:AlternateContent>
  <bookViews>
    <workbookView xWindow="0" yWindow="0" windowWidth="20490" windowHeight="7770" tabRatio="754" activeTab="2"/>
  </bookViews>
  <sheets>
    <sheet name="Note (Japanese)" sheetId="60" r:id="rId1"/>
    <sheet name="Note (English)" sheetId="61" r:id="rId2"/>
    <sheet name="A.RoHS" sheetId="32" r:id="rId3"/>
    <sheet name="B.Others" sheetId="46" r:id="rId4"/>
    <sheet name="A (appendix). RoHS" sheetId="59" r:id="rId5"/>
    <sheet name="B (appendix). Others" sheetId="37" r:id="rId6"/>
    <sheet name="C.Part 2 " sheetId="62" r:id="rId7"/>
    <sheet name="C (appendix).Part 2" sheetId="63" r:id="rId8"/>
    <sheet name="Revision Point" sheetId="64" r:id="rId9"/>
    <sheet name="Reference Reg." sheetId="66" r:id="rId10"/>
  </sheets>
  <definedNames>
    <definedName name="_xlnm._FilterDatabase" localSheetId="4" hidden="1">'A (appendix). RoHS'!$A$1:$I$157</definedName>
    <definedName name="_xlnm._FilterDatabase" localSheetId="2" hidden="1">A.RoHS!$A$1:$G$67</definedName>
    <definedName name="_xlnm._FilterDatabase" localSheetId="5" hidden="1">'B (appendix). Others'!$A$1:$I$154</definedName>
    <definedName name="_xlnm._FilterDatabase" localSheetId="7" hidden="1">'C (appendix).Part 2'!$A$1:$H$55</definedName>
    <definedName name="_xlnm.Print_Area" localSheetId="4">'A (appendix). RoHS'!$A$1:$I$156</definedName>
    <definedName name="_xlnm.Print_Area" localSheetId="2">A.RoHS!$A$1:$G$61</definedName>
    <definedName name="_xlnm.Print_Area" localSheetId="5">'B (appendix). Others'!$A$1:$H$217</definedName>
    <definedName name="_xlnm.Print_Area" localSheetId="3">B.Others!$A$1:$G$144</definedName>
    <definedName name="_xlnm.Print_Area" localSheetId="7">'C (appendix).Part 2'!$A$1:$N$57</definedName>
    <definedName name="_xlnm.Print_Area" localSheetId="6">'C.Part 2 '!$A$1:$N$122</definedName>
    <definedName name="_xlnm.Print_Area" localSheetId="1">'Note (English)'!$A$1:$N$60</definedName>
    <definedName name="_xlnm.Print_Area" localSheetId="0">'Note (Japanese)'!$A$1:$N$55</definedName>
    <definedName name="_xlnm.Print_Area" localSheetId="9">'Reference Reg.'!$A$1:$D$94</definedName>
    <definedName name="_xlnm.Print_Area" localSheetId="8">'Revision Point'!$A$1:$E$105</definedName>
    <definedName name="_xlnm.Print_Titles" localSheetId="4">'A (appendix). RoHS'!$1:$1</definedName>
    <definedName name="_xlnm.Print_Titles" localSheetId="2">A.RoHS!$1:$1</definedName>
    <definedName name="_xlnm.Print_Titles" localSheetId="5">'B (appendix). Others'!$1:$1</definedName>
    <definedName name="_xlnm.Print_Titles" localSheetId="3">B.Others!$1:$1</definedName>
    <definedName name="_xlnm.Print_Titles" localSheetId="7">'C (appendix).Part 2'!$1:$1</definedName>
  </definedNames>
  <calcPr calcId="152511"/>
</workbook>
</file>

<file path=xl/calcChain.xml><?xml version="1.0" encoding="utf-8"?>
<calcChain xmlns="http://schemas.openxmlformats.org/spreadsheetml/2006/main">
  <c r="G1" i="32" l="1"/>
  <c r="I1" i="59" l="1"/>
  <c r="H1" i="37"/>
  <c r="G1" i="46"/>
</calcChain>
</file>

<file path=xl/sharedStrings.xml><?xml version="1.0" encoding="utf-8"?>
<sst xmlns="http://schemas.openxmlformats.org/spreadsheetml/2006/main" count="2199" uniqueCount="1478">
  <si>
    <t>Boric acid</t>
  </si>
  <si>
    <t>Beryllium and its compound</t>
  </si>
  <si>
    <t>Azo colorants</t>
  </si>
  <si>
    <t>Polyvinyl Chloride and its copolymer</t>
  </si>
  <si>
    <t>Radioactive substances</t>
  </si>
  <si>
    <t>Fluorinated greenhouse gases (HFC, PFC, SF6)</t>
  </si>
  <si>
    <t>Formaldehyde</t>
  </si>
  <si>
    <t>Perchlorates</t>
  </si>
  <si>
    <t>Dioctyltin (DOT) compounds</t>
  </si>
  <si>
    <t>Chlorinated flame retardants</t>
  </si>
  <si>
    <t>Banned</t>
  </si>
  <si>
    <t>Usable</t>
  </si>
  <si>
    <t>No.</t>
  </si>
  <si>
    <t>Using Beryllium oxide.</t>
  </si>
  <si>
    <t>Used in the other than the following (3).</t>
  </si>
  <si>
    <t xml:space="preserve">Used in the exception items. </t>
  </si>
  <si>
    <t>Used in the other than the above (1).</t>
  </si>
  <si>
    <t>Using "Thorium" in the magnetron of a microwave oven.</t>
  </si>
  <si>
    <t>Using "Krypton 85" in the electric bulb for a LCD projector.</t>
  </si>
  <si>
    <t>Used in the other than the following (2).</t>
  </si>
  <si>
    <t xml:space="preserve">Use for the refrigerant and/or the thermal insulator (HFC only). </t>
  </si>
  <si>
    <t xml:space="preserve">Used in wooden parts. </t>
  </si>
  <si>
    <t>Contained less than 6ppb by weight per battery.</t>
  </si>
  <si>
    <t>Used in parts which continuously contact with human skin for a long time.</t>
  </si>
  <si>
    <t>Used in products for children 12 and under, containing lead exceeding 0.01wt% per armored part.</t>
  </si>
  <si>
    <t>Used in parts/material used in toys, containing lead above 0.009% per surface treatment layer such as coating.</t>
  </si>
  <si>
    <t>Used in every application other than the above (1). (Used in a part which does not continuously contact with human body)</t>
  </si>
  <si>
    <t>Used in photo coating used in printing plates, film, and documents.</t>
  </si>
  <si>
    <t>Used in mist suppressants for hard chrome plating, and moistening agent used in equipment for plating.</t>
  </si>
  <si>
    <t>Contained above 6ppb by weight per battery. (Necessary to caution on operation manual)</t>
  </si>
  <si>
    <t>Used in the lamp of LCD projector. (Diarsenic trioxide)</t>
  </si>
  <si>
    <t>Used in products for children 12 and under or home furnishings covered with fiver.</t>
  </si>
  <si>
    <t>Perfluorooctane sulfonate (PFOSs) *2)</t>
  </si>
  <si>
    <t>[regulated by the Montreal Protocol (Class I and II)] *1)</t>
  </si>
  <si>
    <t>Polychlorinated biphenyls (PCBs) and specific substitutes</t>
  </si>
  <si>
    <t>Hexavalent chromium compound *2)</t>
  </si>
  <si>
    <t xml:space="preserve">Content is 1000ppm or less.  However, content is less than 3ppm of the dry weight of the leather in leather articles and parts coming into contact with the skin. </t>
  </si>
  <si>
    <t>Polybrominated biphenyls (PBBs)</t>
  </si>
  <si>
    <t>Content is 1000ppm or less.</t>
  </si>
  <si>
    <t>Polybrominated diphenyl ethers (PBDEs)</t>
  </si>
  <si>
    <t>Cadmium and its  compound *2)</t>
  </si>
  <si>
    <t>Content is 100ppm or less.  Regarding batteries, complying with the EU Battery Directive (2006/66/EC, 2013/56/EU).</t>
  </si>
  <si>
    <t>Lead and its compound *2)</t>
  </si>
  <si>
    <t>Mercury and its compound *2)</t>
  </si>
  <si>
    <t>Content is 1000ppm or less.  Regarding batteries, complying with the EU Battery Directive (2006/66/EC, 2013/56/EU).</t>
  </si>
  <si>
    <t>Tributyl Tin Oxide (TBTO)</t>
  </si>
  <si>
    <t>Content is 1000ppm or less.  Not intentionally added.</t>
  </si>
  <si>
    <t>Tri-substituted organostannic compounds</t>
  </si>
  <si>
    <t>Not intentionally added.</t>
  </si>
  <si>
    <t>Short chain chlorinated paraffin</t>
  </si>
  <si>
    <t>Not intentionally added. (Only C:10-13 are subject to the regulation.)</t>
  </si>
  <si>
    <t>Asbestos</t>
  </si>
  <si>
    <t>Polychlorinated Terphenyls (PCTs)</t>
  </si>
  <si>
    <t>Content is 50ppm or less.  Not intentionally added.</t>
  </si>
  <si>
    <t>Cobalt dichloride</t>
  </si>
  <si>
    <t>Dimethyl fumarate</t>
  </si>
  <si>
    <t>Content is 0.1ppm or less.  Not intentionally added.</t>
  </si>
  <si>
    <t>Refractory Ceramic Fibers, Aluminosilicate</t>
  </si>
  <si>
    <t>Refractory Ceramic Fibers, Zirconia Aluminosilicate</t>
  </si>
  <si>
    <t>Dibutyltin (DBT) compounds</t>
  </si>
  <si>
    <t>Content is 1000ppm or less by weight of tin in a material.</t>
  </si>
  <si>
    <t xml:space="preserve">Not intentionally added. </t>
  </si>
  <si>
    <t>Not intentionally added.  (Only battery is targeted by this survey. No response is necessary except battery)</t>
  </si>
  <si>
    <t>Ozone-depleting substances</t>
  </si>
  <si>
    <t xml:space="preserve">Not contained in part/materials. </t>
  </si>
  <si>
    <t>Disodium tetraborate, anhydrous, Tetraboron disodium heptaoxide, hydrate</t>
    <phoneticPr fontId="9"/>
  </si>
  <si>
    <t>Wood component: atmospheric concentration is 0.1ppm or less (by the chamber method).
Plastics/fibers: content is 75ppm or less.</t>
    <phoneticPr fontId="9"/>
  </si>
  <si>
    <t>Not used in the rinse process. (If the result in the item (2) is YES only, answer this item)
(Even if "Not used" is selected, that means you didn't use these substances to rinse process, describe rinse solution and method of the rinse process.)</t>
    <phoneticPr fontId="9"/>
  </si>
  <si>
    <t>On EU Directive on Packaging etc., for packaging part and packaging material, the total concentration of these four heavy metals in part/material, ink and paint which constitute a package is100ppm or less each.</t>
    <phoneticPr fontId="9"/>
  </si>
  <si>
    <t>Unit for calculating content rate is homogeneous material if not otherwise specified.</t>
    <phoneticPr fontId="9"/>
  </si>
  <si>
    <t>As for "Perfluorooctane sulfonate (PFOSs) and its salt", Scoped substances CAS No. (1763-23-1, 307-35-7, 29457-72-5, 2795-39-3).</t>
    <phoneticPr fontId="9"/>
  </si>
  <si>
    <t>Total content of substances with following CAS No. (335-67-1, 3825-26-1, 335-95-5, 2395-00-8, 335-93-3, 335-66-0, 376-27-2, 3108-24-5).</t>
    <phoneticPr fontId="9"/>
  </si>
  <si>
    <t>Scoped substances CAS No. (50-32-8, 192-97-2, 56-55-3, 218-01-9, 205-99-2, 205-82-3, 207-08-9, 53-70-3).</t>
    <phoneticPr fontId="9"/>
  </si>
  <si>
    <t>Presence of banned substances in the product</t>
    <phoneticPr fontId="9"/>
  </si>
  <si>
    <t>Presence of banned substances depending on application</t>
    <phoneticPr fontId="9"/>
  </si>
  <si>
    <t>Ozone-depleting substances contained in the product or used in manufacturing</t>
    <phoneticPr fontId="9"/>
  </si>
  <si>
    <r>
      <t xml:space="preserve">&lt; </t>
    </r>
    <r>
      <rPr>
        <sz val="9"/>
        <color theme="1"/>
        <rFont val="ＭＳ Ｐゴシック"/>
        <family val="3"/>
        <charset val="128"/>
      </rPr>
      <t>前ページから／</t>
    </r>
    <r>
      <rPr>
        <sz val="9"/>
        <color theme="1"/>
        <rFont val="Arial"/>
        <family val="2"/>
      </rPr>
      <t>Continued from the previous page.&gt;</t>
    </r>
  </si>
  <si>
    <t>-</t>
  </si>
  <si>
    <t>7(a)</t>
  </si>
  <si>
    <t>5(b)</t>
  </si>
  <si>
    <t>6(c)</t>
  </si>
  <si>
    <t>3(a)</t>
  </si>
  <si>
    <t>3(b)</t>
  </si>
  <si>
    <t>3(c)</t>
  </si>
  <si>
    <t>4(e)</t>
  </si>
  <si>
    <t>4(f)</t>
  </si>
  <si>
    <t>Used in a direct human body contact part of a product which is intended to continuously contact with human body. _x000D_
 (e.g.: electric carpet, earphone, strap and etc.)</t>
  </si>
  <si>
    <r>
      <t>Used in a contact part with human body of a product (e.g.</t>
    </r>
    <r>
      <rPr>
        <sz val="9"/>
        <color theme="1"/>
        <rFont val="ＭＳ Ｐゴシック"/>
        <family val="3"/>
        <charset val="128"/>
      </rPr>
      <t>：</t>
    </r>
    <r>
      <rPr>
        <sz val="9"/>
        <color theme="1"/>
        <rFont val="Arial"/>
        <family val="2"/>
      </rPr>
      <t>electric carpet, earphone, strap and etc.) which is manufactured based on the premise that the product continuously contacts human body, and may produce carcinogenic amine over 30ppm when discomposed.</t>
    </r>
  </si>
  <si>
    <t>Used in the other than the following (2)-(3).</t>
    <phoneticPr fontId="9"/>
  </si>
  <si>
    <t>Used in the other than the above (1)-(2).</t>
    <phoneticPr fontId="9"/>
  </si>
  <si>
    <t>Used for two-component room temperature vulcanisation moulding kits (RTV-2 moulding kits).</t>
    <phoneticPr fontId="9"/>
  </si>
  <si>
    <t>Hexabromocyclododecane (HBCDD)</t>
    <phoneticPr fontId="9"/>
  </si>
  <si>
    <t>Content is less than 1ppm regarding target  PAHs *4).</t>
  </si>
  <si>
    <t>&lt; Yes / No &gt;</t>
  </si>
  <si>
    <t>&lt; AnnexIII                  / AnnexIV &gt;</t>
  </si>
  <si>
    <r>
      <rPr>
        <sz val="11"/>
        <rFont val="ＭＳ Ｐゴシック"/>
        <family val="3"/>
        <charset val="128"/>
      </rPr>
      <t>確認結果／</t>
    </r>
    <r>
      <rPr>
        <sz val="9"/>
        <rFont val="Arial"/>
        <family val="2"/>
      </rPr>
      <t>Result</t>
    </r>
    <rPh sb="0" eb="2">
      <t>カクニン</t>
    </rPh>
    <rPh sb="2" eb="4">
      <t>ケッカ</t>
    </rPh>
    <phoneticPr fontId="9"/>
  </si>
  <si>
    <r>
      <rPr>
        <sz val="11"/>
        <rFont val="ＭＳ Ｐゴシック"/>
        <family val="3"/>
        <charset val="128"/>
      </rPr>
      <t>確認結果／</t>
    </r>
    <r>
      <rPr>
        <sz val="11"/>
        <rFont val="Arial"/>
        <family val="2"/>
      </rPr>
      <t>Result</t>
    </r>
    <rPh sb="0" eb="2">
      <t>カクニン</t>
    </rPh>
    <rPh sb="2" eb="4">
      <t>ケッカ</t>
    </rPh>
    <phoneticPr fontId="9"/>
  </si>
  <si>
    <r>
      <t xml:space="preserve">*1) </t>
    </r>
    <r>
      <rPr>
        <sz val="9"/>
        <color theme="1"/>
        <rFont val="ＭＳ Ｐゴシック"/>
        <family val="3"/>
        <charset val="128"/>
      </rPr>
      <t>オゾン層破壊物質については、</t>
    </r>
    <r>
      <rPr>
        <sz val="9"/>
        <color theme="1"/>
        <rFont val="Arial"/>
        <family val="2"/>
      </rPr>
      <t>CFC</t>
    </r>
    <r>
      <rPr>
        <sz val="9"/>
        <color theme="1"/>
        <rFont val="ＭＳ Ｐゴシック"/>
        <family val="3"/>
        <charset val="128"/>
      </rPr>
      <t>、</t>
    </r>
    <r>
      <rPr>
        <sz val="9"/>
        <color theme="1"/>
        <rFont val="Arial"/>
        <family val="2"/>
      </rPr>
      <t>1,1,1-</t>
    </r>
    <r>
      <rPr>
        <sz val="9"/>
        <color theme="1"/>
        <rFont val="ＭＳ Ｐゴシック"/>
        <family val="3"/>
        <charset val="128"/>
      </rPr>
      <t>トリクロロエタン、四塩化炭素、臭化メチル、ブロモクロロメタン、ハロン、</t>
    </r>
    <r>
      <rPr>
        <sz val="9"/>
        <color theme="1"/>
        <rFont val="Arial"/>
        <family val="2"/>
      </rPr>
      <t>HBFC</t>
    </r>
    <r>
      <rPr>
        <sz val="9"/>
        <color theme="1"/>
        <rFont val="ＭＳ Ｐゴシック"/>
        <family val="3"/>
        <charset val="128"/>
      </rPr>
      <t>、及び</t>
    </r>
    <r>
      <rPr>
        <sz val="9"/>
        <color theme="1"/>
        <rFont val="Arial"/>
        <family val="2"/>
      </rPr>
      <t>HCFC</t>
    </r>
    <r>
      <rPr>
        <sz val="9"/>
        <color theme="1"/>
        <rFont val="ＭＳ Ｐゴシック"/>
        <family val="3"/>
        <charset val="128"/>
      </rPr>
      <t>が対象／</t>
    </r>
    <phoneticPr fontId="9"/>
  </si>
  <si>
    <r>
      <rPr>
        <sz val="11"/>
        <rFont val="ＭＳ Ｐゴシック"/>
        <family val="3"/>
        <charset val="128"/>
      </rPr>
      <t>　</t>
    </r>
  </si>
  <si>
    <r>
      <rPr>
        <sz val="11"/>
        <rFont val="ＭＳ Ｐゴシック"/>
        <family val="3"/>
        <charset val="128"/>
      </rPr>
      <t xml:space="preserve">確認結果／
</t>
    </r>
    <r>
      <rPr>
        <sz val="9"/>
        <rFont val="Arial"/>
        <family val="2"/>
      </rPr>
      <t>Result</t>
    </r>
    <rPh sb="0" eb="2">
      <t>カクニン</t>
    </rPh>
    <phoneticPr fontId="9"/>
  </si>
  <si>
    <r>
      <rPr>
        <b/>
        <sz val="11"/>
        <color theme="0"/>
        <rFont val="ＭＳ Ｐゴシック"/>
        <family val="3"/>
        <charset val="128"/>
      </rPr>
      <t>使用禁止／</t>
    </r>
  </si>
  <si>
    <r>
      <rPr>
        <sz val="11"/>
        <color theme="1"/>
        <rFont val="ＭＳ Ｐゴシック"/>
        <family val="3"/>
        <charset val="128"/>
      </rPr>
      <t>使用可／</t>
    </r>
  </si>
  <si>
    <r>
      <t>A1.</t>
    </r>
    <r>
      <rPr>
        <b/>
        <sz val="11"/>
        <color theme="1"/>
        <rFont val="ＭＳ Ｐゴシック"/>
        <family val="3"/>
        <charset val="128"/>
      </rPr>
      <t>全面的に使用を禁止する化学物質の製品への含有について／</t>
    </r>
  </si>
  <si>
    <r>
      <t>A2.</t>
    </r>
    <r>
      <rPr>
        <b/>
        <sz val="11"/>
        <color theme="1"/>
        <rFont val="ＭＳ Ｐゴシック"/>
        <family val="3"/>
        <charset val="128"/>
      </rPr>
      <t>条件により使用を禁止する化学物質の製品への含有について／</t>
    </r>
  </si>
  <si>
    <r>
      <t>B1.</t>
    </r>
    <r>
      <rPr>
        <b/>
        <sz val="11"/>
        <color theme="1"/>
        <rFont val="ＭＳ Ｐゴシック"/>
        <family val="3"/>
        <charset val="128"/>
      </rPr>
      <t>全面的に使用を禁止する化学物質の製品への含有について／</t>
    </r>
  </si>
  <si>
    <r>
      <t>B2.</t>
    </r>
    <r>
      <rPr>
        <b/>
        <sz val="11"/>
        <color theme="1"/>
        <rFont val="ＭＳ Ｐゴシック"/>
        <family val="3"/>
        <charset val="128"/>
      </rPr>
      <t>条件により使用を禁止する化学物質の製品への含有について／</t>
    </r>
  </si>
  <si>
    <r>
      <t>B3.</t>
    </r>
    <r>
      <rPr>
        <b/>
        <sz val="11"/>
        <color theme="1"/>
        <rFont val="ＭＳ Ｐゴシック"/>
        <family val="3"/>
        <charset val="128"/>
      </rPr>
      <t>オゾン層破壊物質の製品への含有及び製造工程での使用有無について／</t>
    </r>
  </si>
  <si>
    <t>Used in every application other than the following (2)-(5).</t>
    <phoneticPr fontId="9"/>
  </si>
  <si>
    <t>Polychlorinated naphthalenes</t>
    <phoneticPr fontId="9"/>
  </si>
  <si>
    <t>Not intentionally added.  (Chlorine atom 1-8 are subject to the regulation.)</t>
    <phoneticPr fontId="9"/>
  </si>
  <si>
    <t>Polycyclic aromatic hydrocarbons (PAHs)</t>
    <phoneticPr fontId="9"/>
  </si>
  <si>
    <t>Using exemptions listed in EU RoHS directive other than above and having permission from adoption decision.</t>
    <phoneticPr fontId="9"/>
  </si>
  <si>
    <r>
      <rPr>
        <sz val="11"/>
        <color theme="1"/>
        <rFont val="ＭＳ Ｐゴシック"/>
        <family val="3"/>
        <charset val="128"/>
      </rPr>
      <t>上記以外の</t>
    </r>
    <r>
      <rPr>
        <sz val="11"/>
        <color theme="1"/>
        <rFont val="Arial"/>
        <family val="2"/>
      </rPr>
      <t>EU RoHS</t>
    </r>
    <r>
      <rPr>
        <sz val="11"/>
        <color theme="1"/>
        <rFont val="ＭＳ Ｐゴシック"/>
        <family val="3"/>
        <charset val="128"/>
      </rPr>
      <t>指令で定められた適用除外用途に使用されており、採用部門の許可を得ている／</t>
    </r>
    <rPh sb="15" eb="16">
      <t>サダ</t>
    </rPh>
    <rPh sb="20" eb="22">
      <t>テキヨウ</t>
    </rPh>
    <phoneticPr fontId="9"/>
  </si>
  <si>
    <r>
      <rPr>
        <sz val="11"/>
        <color theme="1"/>
        <rFont val="Arial"/>
        <family val="2"/>
      </rPr>
      <t>RoHS</t>
    </r>
    <r>
      <rPr>
        <sz val="11"/>
        <color theme="1"/>
        <rFont val="ＭＳ Ｐゴシック"/>
        <family val="3"/>
        <charset val="128"/>
      </rPr>
      <t>適用除外</t>
    </r>
    <r>
      <rPr>
        <sz val="11"/>
        <color theme="1"/>
        <rFont val="Arial"/>
        <family val="2"/>
      </rPr>
      <t>No.</t>
    </r>
    <r>
      <rPr>
        <sz val="11"/>
        <color theme="1"/>
        <rFont val="ＭＳ Ｐゴシック"/>
        <family val="3"/>
        <charset val="128"/>
      </rPr>
      <t>／</t>
    </r>
    <r>
      <rPr>
        <sz val="9"/>
        <color theme="1"/>
        <rFont val="Arial"/>
        <family val="2"/>
      </rPr>
      <t>RoHS Exemption No. :</t>
    </r>
    <rPh sb="4" eb="6">
      <t>テキヨウ</t>
    </rPh>
    <phoneticPr fontId="9"/>
  </si>
  <si>
    <t>- 1/3 -</t>
    <phoneticPr fontId="9"/>
  </si>
  <si>
    <t>- 2/3 -</t>
    <phoneticPr fontId="9"/>
  </si>
  <si>
    <t>- 3/3 -</t>
    <phoneticPr fontId="9"/>
  </si>
  <si>
    <t>- 1/2 -</t>
    <phoneticPr fontId="9"/>
  </si>
  <si>
    <t>- 2/2 -</t>
    <phoneticPr fontId="9"/>
  </si>
  <si>
    <t>Phenol,2-(2H-benzotriazol-2-yl)-4,6-bis(1,1-dimethylethyl)</t>
    <phoneticPr fontId="9"/>
  </si>
  <si>
    <r>
      <rPr>
        <sz val="11"/>
        <color theme="1"/>
        <rFont val="ＭＳ Ｐゴシック"/>
        <family val="3"/>
        <charset val="128"/>
      </rPr>
      <t>下記（</t>
    </r>
    <r>
      <rPr>
        <sz val="11"/>
        <color theme="1"/>
        <rFont val="Arial"/>
        <family val="2"/>
      </rPr>
      <t>3</t>
    </r>
    <r>
      <rPr>
        <sz val="11"/>
        <color theme="1"/>
        <rFont val="ＭＳ Ｐゴシック"/>
        <family val="3"/>
        <charset val="128"/>
      </rPr>
      <t>）以外のものに使用されている／</t>
    </r>
    <phoneticPr fontId="9"/>
  </si>
  <si>
    <r>
      <t xml:space="preserve">(b) </t>
    </r>
    <r>
      <rPr>
        <sz val="11"/>
        <color theme="1"/>
        <rFont val="ＭＳ Ｐゴシック"/>
        <family val="3"/>
        <charset val="128"/>
      </rPr>
      <t>感光剤に／</t>
    </r>
    <r>
      <rPr>
        <sz val="9"/>
        <color theme="1"/>
        <rFont val="Arial"/>
        <family val="2"/>
      </rPr>
      <t>Resist</t>
    </r>
    <phoneticPr fontId="9"/>
  </si>
  <si>
    <t>(                                                                                                                                                                                                        )</t>
    <phoneticPr fontId="9"/>
  </si>
  <si>
    <t>&lt; Used / Not Used &gt;</t>
  </si>
  <si>
    <t>Regarding items whose confirmatory result are "Not Applicable" in clause B2, "X" are entered in the result column as the result of the confirmation pursuant to the criteria.</t>
    <phoneticPr fontId="9"/>
  </si>
  <si>
    <t>Arsenic and its compound</t>
    <phoneticPr fontId="9"/>
  </si>
  <si>
    <t xml:space="preserve">  (Former name: Report on Environmental Impact Substances Contained in the Product)</t>
    <phoneticPr fontId="9"/>
  </si>
  <si>
    <r>
      <rPr>
        <sz val="11"/>
        <color theme="1"/>
        <rFont val="ＭＳ Ｐゴシック"/>
        <family val="3"/>
        <charset val="128"/>
      </rPr>
      <t>下記（</t>
    </r>
    <r>
      <rPr>
        <sz val="11"/>
        <color theme="1"/>
        <rFont val="Arial"/>
        <family val="2"/>
      </rPr>
      <t>2</t>
    </r>
    <r>
      <rPr>
        <sz val="11"/>
        <color theme="1"/>
        <rFont val="ＭＳ Ｐゴシック"/>
        <family val="3"/>
        <charset val="128"/>
      </rPr>
      <t>）以外のものに使用されている／</t>
    </r>
    <r>
      <rPr>
        <sz val="9"/>
        <color theme="1"/>
        <rFont val="Arial"/>
        <family val="2"/>
      </rPr>
      <t>Used in the other than the following (2).</t>
    </r>
    <phoneticPr fontId="9"/>
  </si>
  <si>
    <t>Phthalates other than the four RoHS-related Phthalates</t>
    <phoneticPr fontId="9"/>
  </si>
  <si>
    <t>Using printed wiring boards (PWBs) in the product.</t>
    <phoneticPr fontId="9"/>
  </si>
  <si>
    <r>
      <t>EU RoHS</t>
    </r>
    <r>
      <rPr>
        <sz val="10"/>
        <rFont val="ＭＳ Ｐゴシック"/>
        <family val="3"/>
        <charset val="128"/>
      </rPr>
      <t>指令、</t>
    </r>
    <r>
      <rPr>
        <sz val="10"/>
        <rFont val="Arial"/>
        <family val="2"/>
      </rPr>
      <t>EU REACH</t>
    </r>
    <r>
      <rPr>
        <sz val="10"/>
        <rFont val="ＭＳ Ｐゴシック"/>
        <family val="3"/>
        <charset val="128"/>
      </rPr>
      <t>規則</t>
    </r>
    <r>
      <rPr>
        <sz val="10"/>
        <rFont val="Arial"/>
        <family val="2"/>
      </rPr>
      <t xml:space="preserve"> </t>
    </r>
    <r>
      <rPr>
        <sz val="10"/>
        <rFont val="ＭＳ Ｐゴシック"/>
        <family val="3"/>
        <charset val="128"/>
      </rPr>
      <t>附属書</t>
    </r>
    <r>
      <rPr>
        <sz val="10"/>
        <rFont val="Arial"/>
        <family val="2"/>
      </rPr>
      <t>XVII</t>
    </r>
    <rPh sb="7" eb="9">
      <t>シレイ</t>
    </rPh>
    <phoneticPr fontId="9"/>
  </si>
  <si>
    <r>
      <t>EU RoHS</t>
    </r>
    <r>
      <rPr>
        <sz val="10"/>
        <rFont val="ＭＳ Ｐゴシック"/>
        <family val="3"/>
        <charset val="128"/>
      </rPr>
      <t>指令、</t>
    </r>
    <r>
      <rPr>
        <sz val="10"/>
        <rFont val="Arial"/>
        <family val="2"/>
      </rPr>
      <t>EU REACH</t>
    </r>
    <r>
      <rPr>
        <sz val="10"/>
        <rFont val="ＭＳ Ｐゴシック"/>
        <family val="3"/>
        <charset val="128"/>
      </rPr>
      <t>規則</t>
    </r>
    <r>
      <rPr>
        <sz val="10"/>
        <rFont val="Arial"/>
        <family val="2"/>
      </rPr>
      <t xml:space="preserve"> </t>
    </r>
    <r>
      <rPr>
        <sz val="10"/>
        <rFont val="ＭＳ Ｐゴシック"/>
        <family val="3"/>
        <charset val="128"/>
      </rPr>
      <t>附属書</t>
    </r>
    <r>
      <rPr>
        <sz val="10"/>
        <rFont val="Arial"/>
        <family val="2"/>
      </rPr>
      <t>XVII</t>
    </r>
    <r>
      <rPr>
        <sz val="10"/>
        <rFont val="ＭＳ Ｐゴシック"/>
        <family val="3"/>
        <charset val="128"/>
      </rPr>
      <t>、米国消費者製品安全改善法（</t>
    </r>
    <r>
      <rPr>
        <sz val="10"/>
        <rFont val="Arial"/>
        <family val="2"/>
      </rPr>
      <t>CPSIA</t>
    </r>
    <r>
      <rPr>
        <sz val="10"/>
        <rFont val="ＭＳ Ｐゴシック"/>
        <family val="3"/>
        <charset val="128"/>
      </rPr>
      <t>）</t>
    </r>
    <rPh sb="7" eb="9">
      <t>シレイ</t>
    </rPh>
    <rPh sb="29" eb="31">
      <t>ベイコク</t>
    </rPh>
    <phoneticPr fontId="9"/>
  </si>
  <si>
    <r>
      <t>EU REACH</t>
    </r>
    <r>
      <rPr>
        <sz val="10"/>
        <rFont val="ＭＳ Ｐゴシック"/>
        <family val="3"/>
        <charset val="128"/>
      </rPr>
      <t>規則</t>
    </r>
    <r>
      <rPr>
        <sz val="10"/>
        <rFont val="Arial"/>
        <family val="2"/>
      </rPr>
      <t xml:space="preserve"> </t>
    </r>
    <r>
      <rPr>
        <sz val="10"/>
        <rFont val="ＭＳ Ｐゴシック"/>
        <family val="3"/>
        <charset val="128"/>
      </rPr>
      <t>附属書</t>
    </r>
    <r>
      <rPr>
        <sz val="10"/>
        <rFont val="Arial"/>
        <family val="2"/>
      </rPr>
      <t>XVII</t>
    </r>
    <r>
      <rPr>
        <sz val="10"/>
        <rFont val="ＭＳ Ｐゴシック"/>
        <family val="3"/>
        <charset val="128"/>
      </rPr>
      <t>、</t>
    </r>
    <r>
      <rPr>
        <sz val="10"/>
        <rFont val="Arial"/>
        <family val="2"/>
      </rPr>
      <t>EU POPs</t>
    </r>
    <r>
      <rPr>
        <sz val="10"/>
        <rFont val="ＭＳ Ｐゴシック"/>
        <family val="3"/>
        <charset val="128"/>
      </rPr>
      <t>規則</t>
    </r>
    <r>
      <rPr>
        <sz val="10"/>
        <rFont val="Arial"/>
        <family val="2"/>
      </rPr>
      <t xml:space="preserve"> </t>
    </r>
    <r>
      <rPr>
        <sz val="10"/>
        <rFont val="ＭＳ Ｐゴシック"/>
        <family val="3"/>
        <charset val="128"/>
      </rPr>
      <t>附属書</t>
    </r>
    <r>
      <rPr>
        <sz val="10"/>
        <rFont val="Arial"/>
        <family val="2"/>
      </rPr>
      <t>I</t>
    </r>
    <rPh sb="8" eb="10">
      <t>キソク</t>
    </rPh>
    <rPh sb="11" eb="14">
      <t>フゾクショ</t>
    </rPh>
    <rPh sb="26" eb="28">
      <t>キソク</t>
    </rPh>
    <rPh sb="29" eb="32">
      <t>フゾクショ</t>
    </rPh>
    <phoneticPr fontId="9"/>
  </si>
  <si>
    <r>
      <t>EU REACH</t>
    </r>
    <r>
      <rPr>
        <sz val="10"/>
        <rFont val="ＭＳ Ｐゴシック"/>
        <family val="3"/>
        <charset val="128"/>
      </rPr>
      <t>規則</t>
    </r>
    <r>
      <rPr>
        <sz val="10"/>
        <rFont val="Arial"/>
        <family val="2"/>
      </rPr>
      <t xml:space="preserve"> </t>
    </r>
    <r>
      <rPr>
        <sz val="10"/>
        <rFont val="ＭＳ Ｐゴシック"/>
        <family val="3"/>
        <charset val="128"/>
      </rPr>
      <t>附属書</t>
    </r>
    <r>
      <rPr>
        <sz val="10"/>
        <rFont val="Arial"/>
        <family val="2"/>
      </rPr>
      <t>XVII</t>
    </r>
    <rPh sb="8" eb="10">
      <t>キソク</t>
    </rPh>
    <rPh sb="11" eb="14">
      <t>フゾクショ</t>
    </rPh>
    <phoneticPr fontId="9"/>
  </si>
  <si>
    <r>
      <t>EU F</t>
    </r>
    <r>
      <rPr>
        <sz val="10"/>
        <rFont val="ＭＳ Ｐゴシック"/>
        <family val="3"/>
        <charset val="128"/>
      </rPr>
      <t>ガス規則（</t>
    </r>
    <r>
      <rPr>
        <sz val="10"/>
        <rFont val="Arial"/>
        <family val="2"/>
      </rPr>
      <t>517/2014</t>
    </r>
    <r>
      <rPr>
        <sz val="10"/>
        <rFont val="ＭＳ Ｐゴシック"/>
        <family val="3"/>
        <charset val="128"/>
      </rPr>
      <t>）</t>
    </r>
    <rPh sb="6" eb="8">
      <t>キソク</t>
    </rPh>
    <phoneticPr fontId="9"/>
  </si>
  <si>
    <r>
      <rPr>
        <b/>
        <sz val="10"/>
        <color rgb="FFFF0000"/>
        <rFont val="ＭＳ Ｐゴシック"/>
        <family val="3"/>
        <charset val="128"/>
      </rPr>
      <t>［このシートは提出不要です］</t>
    </r>
  </si>
  <si>
    <r>
      <rPr>
        <b/>
        <sz val="12"/>
        <color theme="1"/>
        <rFont val="ＭＳ Ｐゴシック"/>
        <family val="3"/>
        <charset val="128"/>
      </rPr>
      <t>主な参照法令一覧</t>
    </r>
    <rPh sb="0" eb="1">
      <t>オモ</t>
    </rPh>
    <rPh sb="2" eb="4">
      <t>サンショウ</t>
    </rPh>
    <rPh sb="4" eb="6">
      <t>ホウレイ</t>
    </rPh>
    <rPh sb="6" eb="8">
      <t>イチラン</t>
    </rPh>
    <phoneticPr fontId="9"/>
  </si>
  <si>
    <r>
      <rPr>
        <sz val="10"/>
        <rFont val="ＭＳ Ｐゴシック"/>
        <family val="3"/>
        <charset val="128"/>
      </rPr>
      <t>物質名</t>
    </r>
  </si>
  <si>
    <r>
      <rPr>
        <sz val="10"/>
        <rFont val="ＭＳ Ｐゴシック"/>
        <family val="3"/>
        <charset val="128"/>
      </rPr>
      <t>主な参照法令等</t>
    </r>
    <rPh sb="0" eb="1">
      <t>オモ</t>
    </rPh>
    <rPh sb="2" eb="4">
      <t>サンショウ</t>
    </rPh>
    <rPh sb="4" eb="6">
      <t>ホウレイ</t>
    </rPh>
    <rPh sb="6" eb="7">
      <t>トウ</t>
    </rPh>
    <phoneticPr fontId="9"/>
  </si>
  <si>
    <r>
      <t xml:space="preserve">A1. RoHS </t>
    </r>
    <r>
      <rPr>
        <sz val="10"/>
        <rFont val="ＭＳ Ｐゴシック"/>
        <family val="3"/>
        <charset val="128"/>
      </rPr>
      <t>全面禁止</t>
    </r>
  </si>
  <si>
    <r>
      <rPr>
        <sz val="10"/>
        <rFont val="ＭＳ Ｐゴシック"/>
        <family val="3"/>
        <charset val="128"/>
      </rPr>
      <t>六価クロム化合物</t>
    </r>
  </si>
  <si>
    <r>
      <t xml:space="preserve">A2. RoHS </t>
    </r>
    <r>
      <rPr>
        <sz val="10"/>
        <rFont val="ＭＳ Ｐゴシック"/>
        <family val="3"/>
        <charset val="128"/>
      </rPr>
      <t>条件付禁止</t>
    </r>
  </si>
  <si>
    <r>
      <rPr>
        <sz val="10"/>
        <rFont val="ＭＳ Ｐゴシック"/>
        <family val="3"/>
        <charset val="128"/>
      </rPr>
      <t>カドミウム及びその化合物</t>
    </r>
  </si>
  <si>
    <r>
      <rPr>
        <sz val="10"/>
        <rFont val="ＭＳ Ｐゴシック"/>
        <family val="3"/>
        <charset val="128"/>
      </rPr>
      <t>鉛及びその化合物</t>
    </r>
  </si>
  <si>
    <r>
      <rPr>
        <sz val="10"/>
        <rFont val="ＭＳ Ｐゴシック"/>
        <family val="3"/>
        <charset val="128"/>
      </rPr>
      <t>水銀及びその化合物</t>
    </r>
  </si>
  <si>
    <r>
      <rPr>
        <sz val="10"/>
        <rFont val="ＭＳ Ｐゴシック"/>
        <family val="3"/>
        <charset val="128"/>
      </rPr>
      <t>化審法</t>
    </r>
    <rPh sb="0" eb="3">
      <t>カシンホウ</t>
    </rPh>
    <phoneticPr fontId="9"/>
  </si>
  <si>
    <r>
      <rPr>
        <sz val="10"/>
        <rFont val="ＭＳ Ｐゴシック"/>
        <family val="3"/>
        <charset val="128"/>
      </rPr>
      <t>三置換有機スズ化合物</t>
    </r>
  </si>
  <si>
    <r>
      <rPr>
        <sz val="10"/>
        <rFont val="ＭＳ Ｐゴシック"/>
        <family val="3"/>
        <charset val="128"/>
      </rPr>
      <t>ポリ塩化ナフタレン</t>
    </r>
  </si>
  <si>
    <r>
      <rPr>
        <sz val="10"/>
        <rFont val="ＭＳ Ｐゴシック"/>
        <family val="3"/>
        <charset val="128"/>
      </rPr>
      <t>短鎖型塩化パラフィン</t>
    </r>
  </si>
  <si>
    <r>
      <rPr>
        <sz val="10"/>
        <rFont val="ＭＳ Ｐゴシック"/>
        <family val="3"/>
        <charset val="128"/>
      </rPr>
      <t>アスベスト類</t>
    </r>
  </si>
  <si>
    <r>
      <rPr>
        <sz val="10"/>
        <rFont val="ＭＳ Ｐゴシック"/>
        <family val="3"/>
        <charset val="128"/>
      </rPr>
      <t>塩化コバルト</t>
    </r>
  </si>
  <si>
    <r>
      <rPr>
        <sz val="10"/>
        <rFont val="ＭＳ Ｐゴシック"/>
        <family val="3"/>
        <charset val="128"/>
      </rPr>
      <t>ジメチルフマレート</t>
    </r>
  </si>
  <si>
    <r>
      <rPr>
        <sz val="10"/>
        <rFont val="ＭＳ Ｐゴシック"/>
        <family val="3"/>
        <charset val="128"/>
      </rPr>
      <t>アルミノ珪酸塩、耐火セラミック繊維</t>
    </r>
  </si>
  <si>
    <r>
      <rPr>
        <sz val="10"/>
        <rFont val="ＭＳ Ｐゴシック"/>
        <family val="3"/>
        <charset val="128"/>
      </rPr>
      <t>ジルコニアアルミノ珪酸塩、耐火セラミック繊維</t>
    </r>
  </si>
  <si>
    <r>
      <rPr>
        <sz val="10"/>
        <rFont val="ＭＳ Ｐゴシック"/>
        <family val="3"/>
        <charset val="128"/>
      </rPr>
      <t>ベリリウム及びその化合物</t>
    </r>
  </si>
  <si>
    <r>
      <rPr>
        <sz val="10"/>
        <rFont val="ＭＳ Ｐゴシック"/>
        <family val="3"/>
        <charset val="128"/>
      </rPr>
      <t>アゾ染料・顔料</t>
    </r>
  </si>
  <si>
    <r>
      <rPr>
        <sz val="10"/>
        <rFont val="ＭＳ Ｐゴシック"/>
        <family val="3"/>
        <charset val="128"/>
      </rPr>
      <t>ポリ塩化ビニル及びそのコポリマー</t>
    </r>
  </si>
  <si>
    <r>
      <rPr>
        <sz val="10"/>
        <rFont val="ＭＳ Ｐゴシック"/>
        <family val="3"/>
        <charset val="128"/>
      </rPr>
      <t>放射性物質</t>
    </r>
  </si>
  <si>
    <r>
      <rPr>
        <sz val="10"/>
        <rFont val="ＭＳ Ｐゴシック"/>
        <family val="3"/>
        <charset val="128"/>
      </rPr>
      <t>ホルムアルデヒド</t>
    </r>
  </si>
  <si>
    <r>
      <rPr>
        <sz val="10"/>
        <rFont val="ＭＳ Ｐゴシック"/>
        <family val="3"/>
        <charset val="128"/>
      </rPr>
      <t>過塩素酸塩</t>
    </r>
  </si>
  <si>
    <r>
      <rPr>
        <sz val="10"/>
        <rFont val="ＭＳ Ｐゴシック"/>
        <family val="3"/>
        <charset val="128"/>
      </rPr>
      <t>ヒ素及びその化合物</t>
    </r>
  </si>
  <si>
    <r>
      <rPr>
        <sz val="10"/>
        <rFont val="ＭＳ Ｐゴシック"/>
        <family val="3"/>
        <charset val="128"/>
      </rPr>
      <t>塩素系難燃剤</t>
    </r>
  </si>
  <si>
    <r>
      <rPr>
        <sz val="10"/>
        <rFont val="ＭＳ Ｐゴシック"/>
        <family val="3"/>
        <charset val="128"/>
      </rPr>
      <t>赤リン</t>
    </r>
    <rPh sb="0" eb="1">
      <t>アカ</t>
    </rPh>
    <phoneticPr fontId="9"/>
  </si>
  <si>
    <r>
      <t xml:space="preserve">B3. </t>
    </r>
    <r>
      <rPr>
        <sz val="10"/>
        <rFont val="ＭＳ Ｐゴシック"/>
        <family val="3"/>
        <charset val="128"/>
      </rPr>
      <t>オゾン層破壊物質</t>
    </r>
  </si>
  <si>
    <r>
      <rPr>
        <sz val="10"/>
        <rFont val="ＭＳ Ｐゴシック"/>
        <family val="3"/>
        <charset val="128"/>
      </rPr>
      <t>モントリオール議定書、米国フロン税</t>
    </r>
    <rPh sb="7" eb="10">
      <t>ギテイショ</t>
    </rPh>
    <rPh sb="11" eb="13">
      <t>ベイコク</t>
    </rPh>
    <rPh sb="16" eb="17">
      <t>ゼイ</t>
    </rPh>
    <phoneticPr fontId="9"/>
  </si>
  <si>
    <r>
      <rPr>
        <sz val="10"/>
        <rFont val="ＭＳ Ｐゴシック"/>
        <family val="3"/>
        <charset val="128"/>
      </rPr>
      <t>ポリ臭化ビフェニル類</t>
    </r>
    <r>
      <rPr>
        <sz val="10"/>
        <rFont val="Arial"/>
        <family val="2"/>
      </rPr>
      <t xml:space="preserve"> </t>
    </r>
    <r>
      <rPr>
        <sz val="10"/>
        <rFont val="ＭＳ Ｐゴシック"/>
        <family val="3"/>
        <charset val="128"/>
      </rPr>
      <t>（</t>
    </r>
    <r>
      <rPr>
        <sz val="10"/>
        <rFont val="Arial"/>
        <family val="2"/>
      </rPr>
      <t>PBB</t>
    </r>
    <r>
      <rPr>
        <sz val="10"/>
        <rFont val="ＭＳ Ｐゴシック"/>
        <family val="3"/>
        <charset val="128"/>
      </rPr>
      <t>類）</t>
    </r>
  </si>
  <si>
    <r>
      <rPr>
        <sz val="10"/>
        <rFont val="ＭＳ Ｐゴシック"/>
        <family val="3"/>
        <charset val="128"/>
      </rPr>
      <t>ポリ臭化ジフェニルエーテル類（</t>
    </r>
    <r>
      <rPr>
        <sz val="10"/>
        <rFont val="Arial"/>
        <family val="2"/>
      </rPr>
      <t>PBDE</t>
    </r>
    <r>
      <rPr>
        <sz val="10"/>
        <rFont val="ＭＳ Ｐゴシック"/>
        <family val="3"/>
        <charset val="128"/>
      </rPr>
      <t>類）</t>
    </r>
  </si>
  <si>
    <r>
      <t>EU RoHS</t>
    </r>
    <r>
      <rPr>
        <sz val="10"/>
        <rFont val="ＭＳ Ｐゴシック"/>
        <family val="3"/>
        <charset val="128"/>
      </rPr>
      <t>指令、</t>
    </r>
    <r>
      <rPr>
        <sz val="10"/>
        <rFont val="Arial"/>
        <family val="2"/>
      </rPr>
      <t>EU REACH</t>
    </r>
    <r>
      <rPr>
        <sz val="10"/>
        <rFont val="ＭＳ Ｐゴシック"/>
        <family val="3"/>
        <charset val="128"/>
      </rPr>
      <t>規則</t>
    </r>
    <r>
      <rPr>
        <sz val="10"/>
        <rFont val="Arial"/>
        <family val="2"/>
      </rPr>
      <t xml:space="preserve"> </t>
    </r>
    <r>
      <rPr>
        <sz val="10"/>
        <rFont val="ＭＳ Ｐゴシック"/>
        <family val="3"/>
        <charset val="128"/>
      </rPr>
      <t>附属書</t>
    </r>
    <r>
      <rPr>
        <sz val="10"/>
        <rFont val="Arial"/>
        <family val="2"/>
      </rPr>
      <t>XVII</t>
    </r>
    <rPh sb="7" eb="9">
      <t>シレイ</t>
    </rPh>
    <rPh sb="18" eb="20">
      <t>キソク</t>
    </rPh>
    <rPh sb="21" eb="24">
      <t>フゾクショ</t>
    </rPh>
    <phoneticPr fontId="9"/>
  </si>
  <si>
    <r>
      <t xml:space="preserve">B1. </t>
    </r>
    <r>
      <rPr>
        <sz val="10"/>
        <rFont val="ＭＳ Ｐゴシック"/>
        <family val="3"/>
        <charset val="128"/>
      </rPr>
      <t>その他</t>
    </r>
    <r>
      <rPr>
        <sz val="10"/>
        <rFont val="Arial"/>
        <family val="2"/>
      </rPr>
      <t xml:space="preserve"> </t>
    </r>
    <r>
      <rPr>
        <sz val="10"/>
        <rFont val="ＭＳ Ｐゴシック"/>
        <family val="3"/>
        <charset val="128"/>
      </rPr>
      <t>全面禁止</t>
    </r>
  </si>
  <si>
    <r>
      <rPr>
        <sz val="10"/>
        <rFont val="ＭＳ Ｐゴシック"/>
        <family val="3"/>
        <charset val="128"/>
      </rPr>
      <t>トリブチルスズ</t>
    </r>
    <r>
      <rPr>
        <sz val="10"/>
        <rFont val="Arial"/>
        <family val="2"/>
      </rPr>
      <t>=</t>
    </r>
    <r>
      <rPr>
        <sz val="10"/>
        <rFont val="ＭＳ Ｐゴシック"/>
        <family val="3"/>
        <charset val="128"/>
      </rPr>
      <t>オキシド（</t>
    </r>
    <r>
      <rPr>
        <sz val="10"/>
        <rFont val="Arial"/>
        <family val="2"/>
      </rPr>
      <t>TBTO</t>
    </r>
    <r>
      <rPr>
        <sz val="10"/>
        <rFont val="ＭＳ Ｐゴシック"/>
        <family val="3"/>
        <charset val="128"/>
      </rPr>
      <t>）</t>
    </r>
  </si>
  <si>
    <r>
      <rPr>
        <sz val="10"/>
        <rFont val="ＭＳ Ｐゴシック"/>
        <family val="3"/>
        <charset val="128"/>
      </rPr>
      <t>ポリ塩化ビフェニル類（</t>
    </r>
    <r>
      <rPr>
        <sz val="10"/>
        <rFont val="Arial"/>
        <family val="2"/>
      </rPr>
      <t>PCB</t>
    </r>
    <r>
      <rPr>
        <sz val="10"/>
        <rFont val="ＭＳ Ｐゴシック"/>
        <family val="3"/>
        <charset val="128"/>
      </rPr>
      <t>類）、_x000D_
及び特定代替物質</t>
    </r>
  </si>
  <si>
    <r>
      <rPr>
        <sz val="10"/>
        <rFont val="ＭＳ Ｐゴシック"/>
        <family val="3"/>
        <charset val="128"/>
      </rPr>
      <t>安衛法、</t>
    </r>
    <r>
      <rPr>
        <sz val="10"/>
        <rFont val="Arial"/>
        <family val="2"/>
      </rPr>
      <t>EU REACH</t>
    </r>
    <r>
      <rPr>
        <sz val="10"/>
        <rFont val="ＭＳ Ｐゴシック"/>
        <family val="3"/>
        <charset val="128"/>
      </rPr>
      <t>規則</t>
    </r>
    <r>
      <rPr>
        <sz val="10"/>
        <rFont val="Arial"/>
        <family val="2"/>
      </rPr>
      <t xml:space="preserve"> </t>
    </r>
    <r>
      <rPr>
        <sz val="10"/>
        <rFont val="ＭＳ Ｐゴシック"/>
        <family val="3"/>
        <charset val="128"/>
      </rPr>
      <t>附属書</t>
    </r>
    <r>
      <rPr>
        <sz val="10"/>
        <rFont val="Arial"/>
        <family val="2"/>
      </rPr>
      <t>XVII</t>
    </r>
    <rPh sb="0" eb="1">
      <t>アン</t>
    </rPh>
    <rPh sb="1" eb="2">
      <t>エイ</t>
    </rPh>
    <rPh sb="2" eb="3">
      <t>ホウ</t>
    </rPh>
    <rPh sb="12" eb="14">
      <t>キソク</t>
    </rPh>
    <rPh sb="15" eb="18">
      <t>フゾクショ</t>
    </rPh>
    <phoneticPr fontId="9"/>
  </si>
  <si>
    <r>
      <rPr>
        <sz val="10"/>
        <rFont val="ＭＳ Ｐゴシック"/>
        <family val="3"/>
        <charset val="128"/>
      </rPr>
      <t>ポリ塩化ターフェニル類</t>
    </r>
    <r>
      <rPr>
        <sz val="10"/>
        <rFont val="Arial"/>
        <family val="2"/>
      </rPr>
      <t xml:space="preserve"> </t>
    </r>
    <r>
      <rPr>
        <sz val="10"/>
        <rFont val="ＭＳ Ｐゴシック"/>
        <family val="3"/>
        <charset val="128"/>
      </rPr>
      <t>（</t>
    </r>
    <r>
      <rPr>
        <sz val="10"/>
        <rFont val="Arial"/>
        <family val="2"/>
      </rPr>
      <t>PCT</t>
    </r>
    <r>
      <rPr>
        <sz val="10"/>
        <rFont val="ＭＳ Ｐゴシック"/>
        <family val="3"/>
        <charset val="128"/>
      </rPr>
      <t>類）</t>
    </r>
  </si>
  <si>
    <r>
      <t>2-</t>
    </r>
    <r>
      <rPr>
        <sz val="10"/>
        <rFont val="ＭＳ Ｐゴシック"/>
        <family val="3"/>
        <charset val="128"/>
      </rPr>
      <t>（</t>
    </r>
    <r>
      <rPr>
        <sz val="10"/>
        <rFont val="Arial"/>
        <family val="2"/>
      </rPr>
      <t>2H-1,2,3-</t>
    </r>
    <r>
      <rPr>
        <sz val="10"/>
        <rFont val="ＭＳ Ｐゴシック"/>
        <family val="3"/>
        <charset val="128"/>
      </rPr>
      <t>ベンゾ</t>
    </r>
    <r>
      <rPr>
        <sz val="10"/>
        <rFont val="Arial"/>
        <family val="2"/>
      </rPr>
      <t xml:space="preserve"> </t>
    </r>
    <r>
      <rPr>
        <sz val="10"/>
        <rFont val="ＭＳ Ｐゴシック"/>
        <family val="3"/>
        <charset val="128"/>
      </rPr>
      <t>トリアゾール</t>
    </r>
    <r>
      <rPr>
        <sz val="10"/>
        <rFont val="Arial"/>
        <family val="2"/>
      </rPr>
      <t>-2-</t>
    </r>
    <r>
      <rPr>
        <sz val="10"/>
        <rFont val="ＭＳ Ｐゴシック"/>
        <family val="3"/>
        <charset val="128"/>
      </rPr>
      <t>イル）</t>
    </r>
    <r>
      <rPr>
        <sz val="10"/>
        <rFont val="Arial"/>
        <family val="2"/>
      </rPr>
      <t>-4,6-</t>
    </r>
    <r>
      <rPr>
        <sz val="10"/>
        <rFont val="ＭＳ Ｐゴシック"/>
        <family val="3"/>
        <charset val="128"/>
      </rPr>
      <t>ジ</t>
    </r>
    <r>
      <rPr>
        <sz val="10"/>
        <rFont val="Arial"/>
        <family val="2"/>
      </rPr>
      <t>-tert-</t>
    </r>
    <r>
      <rPr>
        <sz val="10"/>
        <rFont val="ＭＳ Ｐゴシック"/>
        <family val="3"/>
        <charset val="128"/>
      </rPr>
      <t>ブチルフェノール</t>
    </r>
  </si>
  <si>
    <r>
      <rPr>
        <sz val="10"/>
        <rFont val="ＭＳ Ｐゴシック"/>
        <family val="3"/>
        <charset val="128"/>
      </rPr>
      <t>ヘキサブロモシクロドデカン（</t>
    </r>
    <r>
      <rPr>
        <sz val="10"/>
        <rFont val="Arial"/>
        <family val="2"/>
      </rPr>
      <t>HBCDD</t>
    </r>
    <r>
      <rPr>
        <sz val="10"/>
        <rFont val="ＭＳ Ｐゴシック"/>
        <family val="3"/>
        <charset val="128"/>
      </rPr>
      <t>）</t>
    </r>
  </si>
  <si>
    <r>
      <rPr>
        <sz val="10"/>
        <rFont val="ＭＳ Ｐゴシック"/>
        <family val="3"/>
        <charset val="128"/>
      </rPr>
      <t>（</t>
    </r>
    <r>
      <rPr>
        <sz val="10"/>
        <rFont val="Arial"/>
        <family val="2"/>
      </rPr>
      <t>EU REACH</t>
    </r>
    <r>
      <rPr>
        <sz val="10"/>
        <rFont val="ＭＳ Ｐゴシック"/>
        <family val="3"/>
        <charset val="128"/>
      </rPr>
      <t>規則）※</t>
    </r>
    <rPh sb="9" eb="11">
      <t>キソク</t>
    </rPh>
    <phoneticPr fontId="9"/>
  </si>
  <si>
    <r>
      <t xml:space="preserve">B2. </t>
    </r>
    <r>
      <rPr>
        <sz val="10"/>
        <rFont val="ＭＳ Ｐゴシック"/>
        <family val="3"/>
        <charset val="128"/>
      </rPr>
      <t>その他</t>
    </r>
    <r>
      <rPr>
        <sz val="10"/>
        <rFont val="Arial"/>
        <family val="2"/>
      </rPr>
      <t xml:space="preserve"> </t>
    </r>
    <r>
      <rPr>
        <sz val="10"/>
        <rFont val="ＭＳ Ｐゴシック"/>
        <family val="3"/>
        <charset val="128"/>
      </rPr>
      <t>条件付禁止</t>
    </r>
  </si>
  <si>
    <r>
      <rPr>
        <sz val="10"/>
        <rFont val="ＭＳ Ｐゴシック"/>
        <family val="3"/>
        <charset val="128"/>
      </rPr>
      <t>パーフルオロオクタンスルホン酸塩（</t>
    </r>
    <r>
      <rPr>
        <sz val="10"/>
        <rFont val="Arial"/>
        <family val="2"/>
      </rPr>
      <t>PFOS</t>
    </r>
    <r>
      <rPr>
        <sz val="10"/>
        <rFont val="ＭＳ Ｐゴシック"/>
        <family val="3"/>
        <charset val="128"/>
      </rPr>
      <t>）</t>
    </r>
  </si>
  <si>
    <r>
      <rPr>
        <sz val="10"/>
        <rFont val="ＭＳ Ｐゴシック"/>
        <family val="3"/>
        <charset val="128"/>
      </rPr>
      <t>化審法、</t>
    </r>
    <r>
      <rPr>
        <sz val="10"/>
        <rFont val="Arial"/>
        <family val="2"/>
      </rPr>
      <t>EU POPs</t>
    </r>
    <r>
      <rPr>
        <sz val="10"/>
        <rFont val="ＭＳ Ｐゴシック"/>
        <family val="3"/>
        <charset val="128"/>
      </rPr>
      <t>規則</t>
    </r>
    <r>
      <rPr>
        <sz val="10"/>
        <rFont val="Arial"/>
        <family val="2"/>
      </rPr>
      <t xml:space="preserve"> </t>
    </r>
    <r>
      <rPr>
        <sz val="10"/>
        <rFont val="ＭＳ Ｐゴシック"/>
        <family val="3"/>
        <charset val="128"/>
      </rPr>
      <t>附属書</t>
    </r>
    <r>
      <rPr>
        <sz val="10"/>
        <rFont val="Arial"/>
        <family val="2"/>
      </rPr>
      <t>I</t>
    </r>
    <r>
      <rPr>
        <sz val="10"/>
        <rFont val="ＭＳ Ｐゴシック"/>
        <family val="3"/>
        <charset val="128"/>
      </rPr>
      <t>、カナダ環境保護法</t>
    </r>
    <rPh sb="0" eb="3">
      <t>カシンホウ</t>
    </rPh>
    <rPh sb="11" eb="13">
      <t>キソク</t>
    </rPh>
    <rPh sb="14" eb="17">
      <t>フゾクショ</t>
    </rPh>
    <rPh sb="22" eb="24">
      <t>カンキョウ</t>
    </rPh>
    <rPh sb="24" eb="27">
      <t>ホゴホウ</t>
    </rPh>
    <phoneticPr fontId="9"/>
  </si>
  <si>
    <r>
      <rPr>
        <sz val="10"/>
        <rFont val="ＭＳ Ｐゴシック"/>
        <family val="3"/>
        <charset val="128"/>
      </rPr>
      <t>フッ素系温室効果ガス（</t>
    </r>
    <r>
      <rPr>
        <sz val="10"/>
        <rFont val="Arial"/>
        <family val="2"/>
      </rPr>
      <t>HFC/PFC/SF6</t>
    </r>
    <r>
      <rPr>
        <sz val="10"/>
        <rFont val="ＭＳ Ｐゴシック"/>
        <family val="3"/>
        <charset val="128"/>
      </rPr>
      <t>）</t>
    </r>
  </si>
  <si>
    <r>
      <rPr>
        <sz val="10"/>
        <rFont val="ＭＳ Ｐゴシック"/>
        <family val="3"/>
        <charset val="128"/>
      </rPr>
      <t>ドイツ</t>
    </r>
    <r>
      <rPr>
        <sz val="10"/>
        <rFont val="Arial"/>
        <family val="2"/>
      </rPr>
      <t xml:space="preserve"> </t>
    </r>
    <r>
      <rPr>
        <sz val="10"/>
        <rFont val="ＭＳ Ｐゴシック"/>
        <family val="3"/>
        <charset val="128"/>
      </rPr>
      <t>化学品禁止規則、デンマーク</t>
    </r>
    <r>
      <rPr>
        <sz val="10"/>
        <rFont val="Arial"/>
        <family val="2"/>
      </rPr>
      <t xml:space="preserve"> </t>
    </r>
    <r>
      <rPr>
        <sz val="10"/>
        <rFont val="ＭＳ Ｐゴシック"/>
        <family val="3"/>
        <charset val="128"/>
      </rPr>
      <t>ホルムアルデヒド規制</t>
    </r>
    <rPh sb="4" eb="7">
      <t>カガクヒン</t>
    </rPh>
    <rPh sb="7" eb="9">
      <t>キンシ</t>
    </rPh>
    <rPh sb="9" eb="11">
      <t>キソク</t>
    </rPh>
    <rPh sb="26" eb="28">
      <t>キセイ</t>
    </rPh>
    <phoneticPr fontId="9"/>
  </si>
  <si>
    <r>
      <rPr>
        <sz val="10"/>
        <rFont val="ＭＳ Ｐゴシック"/>
        <family val="3"/>
        <charset val="128"/>
      </rPr>
      <t>米国加州</t>
    </r>
    <r>
      <rPr>
        <sz val="10"/>
        <rFont val="Arial"/>
        <family val="2"/>
      </rPr>
      <t xml:space="preserve"> </t>
    </r>
    <r>
      <rPr>
        <sz val="10"/>
        <rFont val="ＭＳ Ｐゴシック"/>
        <family val="3"/>
        <charset val="128"/>
      </rPr>
      <t>過塩素酸塩管理規則</t>
    </r>
    <rPh sb="0" eb="2">
      <t>ベイコク</t>
    </rPh>
    <rPh sb="2" eb="3">
      <t>カ</t>
    </rPh>
    <rPh sb="3" eb="4">
      <t>シュウ</t>
    </rPh>
    <rPh sb="5" eb="6">
      <t>カ</t>
    </rPh>
    <rPh sb="6" eb="8">
      <t>エンソ</t>
    </rPh>
    <rPh sb="8" eb="9">
      <t>サン</t>
    </rPh>
    <rPh sb="9" eb="10">
      <t>エン</t>
    </rPh>
    <rPh sb="10" eb="12">
      <t>カンリ</t>
    </rPh>
    <rPh sb="12" eb="14">
      <t>キソク</t>
    </rPh>
    <phoneticPr fontId="9"/>
  </si>
  <si>
    <r>
      <rPr>
        <sz val="10"/>
        <rFont val="ＭＳ Ｐゴシック"/>
        <family val="3"/>
        <charset val="128"/>
      </rPr>
      <t>ジオクチルスズ化合物</t>
    </r>
    <r>
      <rPr>
        <sz val="10"/>
        <rFont val="Arial"/>
        <family val="2"/>
      </rPr>
      <t xml:space="preserve"> </t>
    </r>
    <r>
      <rPr>
        <sz val="10"/>
        <rFont val="ＭＳ Ｐゴシック"/>
        <family val="3"/>
        <charset val="128"/>
      </rPr>
      <t>（</t>
    </r>
    <r>
      <rPr>
        <sz val="10"/>
        <rFont val="Arial"/>
        <family val="2"/>
      </rPr>
      <t>DOT</t>
    </r>
    <r>
      <rPr>
        <sz val="10"/>
        <rFont val="ＭＳ Ｐゴシック"/>
        <family val="3"/>
        <charset val="128"/>
      </rPr>
      <t>）</t>
    </r>
  </si>
  <si>
    <r>
      <t>EU REACH</t>
    </r>
    <r>
      <rPr>
        <sz val="10"/>
        <rFont val="ＭＳ Ｐゴシック"/>
        <family val="3"/>
        <charset val="128"/>
      </rPr>
      <t>規則</t>
    </r>
    <r>
      <rPr>
        <sz val="10"/>
        <rFont val="Arial"/>
        <family val="2"/>
      </rPr>
      <t xml:space="preserve"> </t>
    </r>
    <r>
      <rPr>
        <sz val="10"/>
        <rFont val="ＭＳ Ｐゴシック"/>
        <family val="3"/>
        <charset val="128"/>
      </rPr>
      <t>附属書</t>
    </r>
    <r>
      <rPr>
        <sz val="10"/>
        <rFont val="Arial"/>
        <family val="2"/>
      </rPr>
      <t>XVII</t>
    </r>
    <rPh sb="11" eb="14">
      <t>フゾクショ</t>
    </rPh>
    <phoneticPr fontId="9"/>
  </si>
  <si>
    <r>
      <rPr>
        <sz val="10"/>
        <rFont val="ＭＳ Ｐゴシック"/>
        <family val="3"/>
        <charset val="128"/>
      </rPr>
      <t>オゾン層破壊物質</t>
    </r>
    <r>
      <rPr>
        <sz val="10"/>
        <rFont val="Arial"/>
        <family val="2"/>
      </rPr>
      <t xml:space="preserve"> </t>
    </r>
  </si>
  <si>
    <t>No.</t>
    <phoneticPr fontId="9"/>
  </si>
  <si>
    <t>Red phosphorus</t>
    <phoneticPr fontId="9"/>
  </si>
  <si>
    <r>
      <rPr>
        <sz val="11"/>
        <rFont val="ＭＳ Ｐゴシック"/>
        <family val="3"/>
        <charset val="128"/>
      </rPr>
      <t>作成日／</t>
    </r>
    <r>
      <rPr>
        <sz val="9"/>
        <rFont val="Arial"/>
        <family val="2"/>
      </rPr>
      <t>Date (yyyy/mm/dd)</t>
    </r>
    <phoneticPr fontId="9"/>
  </si>
  <si>
    <r>
      <rPr>
        <sz val="11"/>
        <rFont val="ＭＳ Ｐゴシック"/>
        <family val="3"/>
        <charset val="128"/>
      </rPr>
      <t>会社名／</t>
    </r>
    <r>
      <rPr>
        <sz val="9"/>
        <rFont val="Arial"/>
        <family val="2"/>
      </rPr>
      <t>Company Name</t>
    </r>
    <phoneticPr fontId="9"/>
  </si>
  <si>
    <r>
      <rPr>
        <sz val="11"/>
        <rFont val="ＭＳ Ｐゴシック"/>
        <family val="3"/>
        <charset val="128"/>
      </rPr>
      <t>部署名／</t>
    </r>
    <r>
      <rPr>
        <sz val="9"/>
        <rFont val="Arial"/>
        <family val="2"/>
      </rPr>
      <t>Department</t>
    </r>
    <phoneticPr fontId="9"/>
  </si>
  <si>
    <r>
      <rPr>
        <b/>
        <sz val="11"/>
        <rFont val="ＭＳ Ｐゴシック"/>
        <family val="3"/>
        <charset val="128"/>
      </rPr>
      <t>調査確認製品／</t>
    </r>
    <r>
      <rPr>
        <b/>
        <sz val="9"/>
        <rFont val="Arial"/>
        <family val="2"/>
      </rPr>
      <t>Information on surveyed product</t>
    </r>
    <phoneticPr fontId="9"/>
  </si>
  <si>
    <r>
      <t>2</t>
    </r>
    <r>
      <rPr>
        <sz val="11"/>
        <rFont val="ＭＳ Ｐゴシック"/>
        <family val="3"/>
        <charset val="128"/>
      </rPr>
      <t>）製品名／</t>
    </r>
    <r>
      <rPr>
        <sz val="9"/>
        <rFont val="Arial"/>
        <family val="2"/>
      </rPr>
      <t>Product Name</t>
    </r>
    <phoneticPr fontId="9"/>
  </si>
  <si>
    <r>
      <t>3</t>
    </r>
    <r>
      <rPr>
        <sz val="11"/>
        <rFont val="ＭＳ Ｐゴシック"/>
        <family val="3"/>
        <charset val="128"/>
      </rPr>
      <t>）メーカー型番／</t>
    </r>
    <r>
      <rPr>
        <sz val="9"/>
        <rFont val="Arial"/>
        <family val="2"/>
      </rPr>
      <t>Manufacturer's Model Code</t>
    </r>
    <phoneticPr fontId="9"/>
  </si>
  <si>
    <r>
      <t>4</t>
    </r>
    <r>
      <rPr>
        <sz val="11"/>
        <rFont val="ＭＳ Ｐゴシック"/>
        <family val="3"/>
        <charset val="128"/>
      </rPr>
      <t>）製品質量［</t>
    </r>
    <r>
      <rPr>
        <sz val="11"/>
        <rFont val="Arial"/>
        <family val="2"/>
      </rPr>
      <t>g</t>
    </r>
    <r>
      <rPr>
        <sz val="11"/>
        <rFont val="ＭＳ Ｐゴシック"/>
        <family val="3"/>
        <charset val="128"/>
      </rPr>
      <t>］／</t>
    </r>
    <r>
      <rPr>
        <sz val="9"/>
        <rFont val="Arial"/>
        <family val="2"/>
      </rPr>
      <t>Product Weight [g]</t>
    </r>
    <phoneticPr fontId="9"/>
  </si>
  <si>
    <r>
      <t xml:space="preserve">&lt; </t>
    </r>
    <r>
      <rPr>
        <sz val="9"/>
        <rFont val="ＭＳ Ｐゴシック"/>
        <family val="3"/>
        <charset val="128"/>
      </rPr>
      <t>次ページへ／</t>
    </r>
    <r>
      <rPr>
        <sz val="9"/>
        <rFont val="Arial"/>
        <family val="2"/>
      </rPr>
      <t>Continued on the next page.&gt;</t>
    </r>
    <phoneticPr fontId="9"/>
  </si>
  <si>
    <r>
      <t xml:space="preserve">*3) CAS No. </t>
    </r>
    <r>
      <rPr>
        <sz val="9"/>
        <color theme="1"/>
        <rFont val="ＭＳ Ｐゴシック"/>
        <family val="3"/>
        <charset val="128"/>
      </rPr>
      <t>が次のものの総計とします。（</t>
    </r>
    <r>
      <rPr>
        <sz val="9"/>
        <color theme="1"/>
        <rFont val="Arial"/>
        <family val="2"/>
      </rPr>
      <t>335-67-1</t>
    </r>
    <r>
      <rPr>
        <sz val="9"/>
        <color theme="1"/>
        <rFont val="ＭＳ Ｐゴシック"/>
        <family val="3"/>
        <charset val="128"/>
      </rPr>
      <t>、</t>
    </r>
    <r>
      <rPr>
        <sz val="9"/>
        <color theme="1"/>
        <rFont val="Arial"/>
        <family val="2"/>
      </rPr>
      <t>3825-26-1</t>
    </r>
    <r>
      <rPr>
        <sz val="9"/>
        <color theme="1"/>
        <rFont val="ＭＳ Ｐゴシック"/>
        <family val="3"/>
        <charset val="128"/>
      </rPr>
      <t>、</t>
    </r>
    <r>
      <rPr>
        <sz val="9"/>
        <color theme="1"/>
        <rFont val="Arial"/>
        <family val="2"/>
      </rPr>
      <t>335-95-5</t>
    </r>
    <r>
      <rPr>
        <sz val="9"/>
        <color theme="1"/>
        <rFont val="ＭＳ Ｐゴシック"/>
        <family val="3"/>
        <charset val="128"/>
      </rPr>
      <t>、</t>
    </r>
    <r>
      <rPr>
        <sz val="9"/>
        <color theme="1"/>
        <rFont val="Arial"/>
        <family val="2"/>
      </rPr>
      <t>2395-00-8</t>
    </r>
    <r>
      <rPr>
        <sz val="9"/>
        <color theme="1"/>
        <rFont val="ＭＳ Ｐゴシック"/>
        <family val="3"/>
        <charset val="128"/>
      </rPr>
      <t>、</t>
    </r>
    <r>
      <rPr>
        <sz val="9"/>
        <color theme="1"/>
        <rFont val="Arial"/>
        <family val="2"/>
      </rPr>
      <t>335-93-3</t>
    </r>
    <r>
      <rPr>
        <sz val="9"/>
        <color theme="1"/>
        <rFont val="ＭＳ Ｐゴシック"/>
        <family val="3"/>
        <charset val="128"/>
      </rPr>
      <t>、</t>
    </r>
    <r>
      <rPr>
        <sz val="9"/>
        <color theme="1"/>
        <rFont val="Arial"/>
        <family val="2"/>
      </rPr>
      <t>335-66-0</t>
    </r>
    <r>
      <rPr>
        <sz val="9"/>
        <color theme="1"/>
        <rFont val="ＭＳ Ｐゴシック"/>
        <family val="3"/>
        <charset val="128"/>
      </rPr>
      <t>、</t>
    </r>
    <r>
      <rPr>
        <sz val="9"/>
        <color theme="1"/>
        <rFont val="Arial"/>
        <family val="2"/>
      </rPr>
      <t>376-27-2</t>
    </r>
    <r>
      <rPr>
        <sz val="9"/>
        <color theme="1"/>
        <rFont val="ＭＳ Ｐゴシック"/>
        <family val="3"/>
        <charset val="128"/>
      </rPr>
      <t>、</t>
    </r>
    <r>
      <rPr>
        <sz val="9"/>
        <color theme="1"/>
        <rFont val="Arial"/>
        <family val="2"/>
      </rPr>
      <t>3108-24-5</t>
    </r>
    <r>
      <rPr>
        <sz val="9"/>
        <color theme="1"/>
        <rFont val="ＭＳ Ｐゴシック"/>
        <family val="3"/>
        <charset val="128"/>
      </rPr>
      <t>）／</t>
    </r>
    <phoneticPr fontId="9"/>
  </si>
  <si>
    <r>
      <t xml:space="preserve">*4) CAS No. </t>
    </r>
    <r>
      <rPr>
        <sz val="9"/>
        <color theme="1"/>
        <rFont val="ＭＳ Ｐゴシック"/>
        <family val="3"/>
        <charset val="128"/>
      </rPr>
      <t>が次のものが対象です。（</t>
    </r>
    <r>
      <rPr>
        <sz val="9"/>
        <color theme="1"/>
        <rFont val="Arial"/>
        <family val="2"/>
      </rPr>
      <t>50-32-8</t>
    </r>
    <r>
      <rPr>
        <sz val="9"/>
        <color theme="1"/>
        <rFont val="ＭＳ Ｐゴシック"/>
        <family val="3"/>
        <charset val="128"/>
      </rPr>
      <t>、</t>
    </r>
    <r>
      <rPr>
        <sz val="9"/>
        <color theme="1"/>
        <rFont val="Arial"/>
        <family val="2"/>
      </rPr>
      <t>192-97-2</t>
    </r>
    <r>
      <rPr>
        <sz val="9"/>
        <color theme="1"/>
        <rFont val="ＭＳ Ｐゴシック"/>
        <family val="3"/>
        <charset val="128"/>
      </rPr>
      <t>、</t>
    </r>
    <r>
      <rPr>
        <sz val="9"/>
        <color theme="1"/>
        <rFont val="Arial"/>
        <family val="2"/>
      </rPr>
      <t>56-55-3</t>
    </r>
    <r>
      <rPr>
        <sz val="9"/>
        <color theme="1"/>
        <rFont val="ＭＳ Ｐゴシック"/>
        <family val="3"/>
        <charset val="128"/>
      </rPr>
      <t>、</t>
    </r>
    <r>
      <rPr>
        <sz val="9"/>
        <color theme="1"/>
        <rFont val="Arial"/>
        <family val="2"/>
      </rPr>
      <t>218-01-9</t>
    </r>
    <r>
      <rPr>
        <sz val="9"/>
        <color theme="1"/>
        <rFont val="ＭＳ Ｐゴシック"/>
        <family val="3"/>
        <charset val="128"/>
      </rPr>
      <t>、</t>
    </r>
    <r>
      <rPr>
        <sz val="9"/>
        <color theme="1"/>
        <rFont val="Arial"/>
        <family val="2"/>
      </rPr>
      <t>205-99-2</t>
    </r>
    <r>
      <rPr>
        <sz val="9"/>
        <color theme="1"/>
        <rFont val="ＭＳ Ｐゴシック"/>
        <family val="3"/>
        <charset val="128"/>
      </rPr>
      <t>、</t>
    </r>
    <r>
      <rPr>
        <sz val="9"/>
        <color theme="1"/>
        <rFont val="Arial"/>
        <family val="2"/>
      </rPr>
      <t>205-82-3</t>
    </r>
    <r>
      <rPr>
        <sz val="9"/>
        <color theme="1"/>
        <rFont val="ＭＳ Ｐゴシック"/>
        <family val="3"/>
        <charset val="128"/>
      </rPr>
      <t>、</t>
    </r>
    <r>
      <rPr>
        <sz val="9"/>
        <color theme="1"/>
        <rFont val="Arial"/>
        <family val="2"/>
      </rPr>
      <t>207-08-9</t>
    </r>
    <r>
      <rPr>
        <sz val="9"/>
        <color theme="1"/>
        <rFont val="ＭＳ Ｐゴシック"/>
        <family val="3"/>
        <charset val="128"/>
      </rPr>
      <t>、</t>
    </r>
    <r>
      <rPr>
        <sz val="9"/>
        <color theme="1"/>
        <rFont val="Arial"/>
        <family val="2"/>
      </rPr>
      <t>53-70-3</t>
    </r>
    <r>
      <rPr>
        <sz val="9"/>
        <color theme="1"/>
        <rFont val="ＭＳ Ｐゴシック"/>
        <family val="3"/>
        <charset val="128"/>
      </rPr>
      <t>）／</t>
    </r>
    <phoneticPr fontId="9"/>
  </si>
  <si>
    <r>
      <t>RoHS</t>
    </r>
    <r>
      <rPr>
        <sz val="11"/>
        <color theme="1"/>
        <rFont val="ＭＳ Ｐゴシック"/>
        <family val="3"/>
        <charset val="128"/>
      </rPr>
      <t>関連のフタル酸エステル</t>
    </r>
    <r>
      <rPr>
        <sz val="11"/>
        <color theme="1"/>
        <rFont val="Arial"/>
        <family val="2"/>
      </rPr>
      <t>4</t>
    </r>
    <r>
      <rPr>
        <sz val="11"/>
        <color theme="1"/>
        <rFont val="ＭＳ Ｐゴシック"/>
        <family val="3"/>
        <charset val="128"/>
      </rPr>
      <t>物質以外のフタル酸エステル類／</t>
    </r>
    <r>
      <rPr>
        <sz val="9"/>
        <color theme="1"/>
        <rFont val="Arial"/>
        <family val="2"/>
      </rPr>
      <t>Phthalates other than the four RoHS related Phthalates.</t>
    </r>
    <phoneticPr fontId="9"/>
  </si>
  <si>
    <r>
      <rPr>
        <sz val="10"/>
        <rFont val="ＭＳ Ｐゴシック"/>
        <family val="3"/>
        <charset val="128"/>
      </rPr>
      <t>化審法、</t>
    </r>
    <r>
      <rPr>
        <sz val="10"/>
        <rFont val="Arial"/>
        <family val="2"/>
      </rPr>
      <t>EU POPs</t>
    </r>
    <r>
      <rPr>
        <sz val="10"/>
        <rFont val="ＭＳ Ｐゴシック"/>
        <family val="3"/>
        <charset val="128"/>
      </rPr>
      <t>規則</t>
    </r>
    <r>
      <rPr>
        <sz val="10"/>
        <rFont val="Arial"/>
        <family val="2"/>
      </rPr>
      <t xml:space="preserve"> </t>
    </r>
    <r>
      <rPr>
        <sz val="10"/>
        <rFont val="ＭＳ Ｐゴシック"/>
        <family val="3"/>
        <charset val="128"/>
      </rPr>
      <t>附属書</t>
    </r>
    <r>
      <rPr>
        <sz val="10"/>
        <rFont val="Arial"/>
        <family val="2"/>
      </rPr>
      <t>I</t>
    </r>
    <phoneticPr fontId="9"/>
  </si>
  <si>
    <r>
      <t>RoHS</t>
    </r>
    <r>
      <rPr>
        <sz val="10"/>
        <rFont val="ＭＳ Ｐゴシック"/>
        <family val="3"/>
        <charset val="128"/>
      </rPr>
      <t>関連のフタル酸エステル</t>
    </r>
    <r>
      <rPr>
        <sz val="10"/>
        <rFont val="Arial"/>
        <family val="2"/>
      </rPr>
      <t>4</t>
    </r>
    <r>
      <rPr>
        <sz val="10"/>
        <rFont val="ＭＳ Ｐゴシック"/>
        <family val="3"/>
        <charset val="128"/>
      </rPr>
      <t>物質以外のフタル酸エステル類</t>
    </r>
    <phoneticPr fontId="9"/>
  </si>
  <si>
    <r>
      <t>EU REACH</t>
    </r>
    <r>
      <rPr>
        <sz val="10"/>
        <rFont val="ＭＳ Ｐゴシック"/>
        <family val="3"/>
        <charset val="128"/>
      </rPr>
      <t>規則</t>
    </r>
    <r>
      <rPr>
        <sz val="10"/>
        <rFont val="Arial"/>
        <family val="2"/>
      </rPr>
      <t xml:space="preserve"> </t>
    </r>
    <r>
      <rPr>
        <sz val="10"/>
        <rFont val="ＭＳ Ｐゴシック"/>
        <family val="3"/>
        <charset val="128"/>
      </rPr>
      <t>附属書</t>
    </r>
    <r>
      <rPr>
        <sz val="10"/>
        <rFont val="Arial"/>
        <family val="2"/>
      </rPr>
      <t>XVII</t>
    </r>
    <r>
      <rPr>
        <sz val="10"/>
        <rFont val="ＭＳ Ｐゴシック"/>
        <family val="3"/>
        <charset val="128"/>
      </rPr>
      <t>、米国消費者製品安全改善法（</t>
    </r>
    <r>
      <rPr>
        <sz val="10"/>
        <rFont val="Arial"/>
        <family val="2"/>
      </rPr>
      <t>CPSIA</t>
    </r>
    <r>
      <rPr>
        <sz val="10"/>
        <rFont val="ＭＳ Ｐゴシック"/>
        <family val="3"/>
        <charset val="128"/>
      </rPr>
      <t>）</t>
    </r>
    <phoneticPr fontId="9"/>
  </si>
  <si>
    <r>
      <rPr>
        <sz val="10"/>
        <rFont val="ＭＳ Ｐゴシック"/>
        <family val="3"/>
        <charset val="128"/>
      </rPr>
      <t xml:space="preserve">放射性同位元素等による放射線障害の防止に関する法律、核原料物質、核燃料物質及び原子炉の規制に関する法律
</t>
    </r>
    <phoneticPr fontId="9"/>
  </si>
  <si>
    <r>
      <rPr>
        <sz val="10"/>
        <rFont val="ＭＳ Ｐゴシック"/>
        <family val="3"/>
        <charset val="128"/>
      </rPr>
      <t xml:space="preserve">四ホウ酸二ナトリウム無水物、四ホウ酸二ナトリウム水和物
</t>
    </r>
    <phoneticPr fontId="9"/>
  </si>
  <si>
    <r>
      <rPr>
        <sz val="10"/>
        <rFont val="ＭＳ Ｐゴシック"/>
        <family val="3"/>
        <charset val="128"/>
      </rPr>
      <t>リン酸トリス（</t>
    </r>
    <r>
      <rPr>
        <sz val="10"/>
        <rFont val="Arial"/>
        <family val="2"/>
      </rPr>
      <t>2-</t>
    </r>
    <r>
      <rPr>
        <sz val="10"/>
        <rFont val="ＭＳ Ｐゴシック"/>
        <family val="3"/>
        <charset val="128"/>
      </rPr>
      <t>クロロエチル）（</t>
    </r>
    <r>
      <rPr>
        <sz val="10"/>
        <rFont val="Arial"/>
        <family val="2"/>
      </rPr>
      <t>TCEP</t>
    </r>
    <r>
      <rPr>
        <sz val="10"/>
        <rFont val="ＭＳ Ｐゴシック"/>
        <family val="3"/>
        <charset val="128"/>
      </rPr>
      <t>）</t>
    </r>
    <phoneticPr fontId="9"/>
  </si>
  <si>
    <r>
      <rPr>
        <sz val="10"/>
        <rFont val="ＭＳ Ｐゴシック"/>
        <family val="3"/>
        <charset val="128"/>
      </rPr>
      <t>（</t>
    </r>
    <r>
      <rPr>
        <sz val="10"/>
        <rFont val="Arial"/>
        <family val="2"/>
      </rPr>
      <t>EU REACH</t>
    </r>
    <r>
      <rPr>
        <sz val="10"/>
        <rFont val="ＭＳ Ｐゴシック"/>
        <family val="3"/>
        <charset val="128"/>
      </rPr>
      <t>規則）</t>
    </r>
    <rPh sb="9" eb="11">
      <t>キソク</t>
    </rPh>
    <phoneticPr fontId="9"/>
  </si>
  <si>
    <r>
      <rPr>
        <sz val="11"/>
        <rFont val="ＭＳ Ｐゴシック"/>
        <family val="3"/>
        <charset val="128"/>
      </rPr>
      <t>含有化学物質につき以下の通りであることを報告します／</t>
    </r>
    <rPh sb="0" eb="2">
      <t>ガンユウ</t>
    </rPh>
    <rPh sb="2" eb="4">
      <t>カガク</t>
    </rPh>
    <phoneticPr fontId="9"/>
  </si>
  <si>
    <t>We report the following verified results on the chemical substances.</t>
    <phoneticPr fontId="9"/>
  </si>
  <si>
    <r>
      <t xml:space="preserve">*1) </t>
    </r>
    <r>
      <rPr>
        <sz val="9"/>
        <rFont val="ＭＳ Ｐゴシック"/>
        <family val="3"/>
        <charset val="128"/>
      </rPr>
      <t>含有率の算出単位は特に記載のない場合は均質材料です／</t>
    </r>
    <phoneticPr fontId="9"/>
  </si>
  <si>
    <r>
      <t>*2) EU</t>
    </r>
    <r>
      <rPr>
        <sz val="9"/>
        <rFont val="ＭＳ Ｐゴシック"/>
        <family val="3"/>
        <charset val="128"/>
      </rPr>
      <t>包装材指令等により、包装材料用部品、包装用材料については、部材、インキ、塗料毎に含まれるカドミウム、鉛、水銀、六価クロムの合計が</t>
    </r>
    <r>
      <rPr>
        <sz val="9"/>
        <rFont val="Arial"/>
        <family val="2"/>
      </rPr>
      <t>100ppm</t>
    </r>
    <r>
      <rPr>
        <sz val="9"/>
        <rFont val="ＭＳ Ｐゴシック"/>
        <family val="3"/>
        <charset val="128"/>
      </rPr>
      <t>以下です／</t>
    </r>
    <phoneticPr fontId="9"/>
  </si>
  <si>
    <t>When the result shows "Not Applicable", we complete the A2-Appendix where the use of each substance is detailed and attach it.</t>
    <phoneticPr fontId="9"/>
  </si>
  <si>
    <t>Content is 100ppm or less.  Not intentionally added.</t>
    <phoneticPr fontId="9"/>
  </si>
  <si>
    <t>Nickel and its compound</t>
    <phoneticPr fontId="9"/>
  </si>
  <si>
    <t>Tris (2-chloroethyl) phosphate (TCEP)</t>
    <phoneticPr fontId="9"/>
  </si>
  <si>
    <t>Tris(2-chloro-1-methylethyl) phosphate (TCPP)</t>
    <phoneticPr fontId="9"/>
  </si>
  <si>
    <t>Tris(1,3-dichloro-2-propyl) phosphate (TDCPP)</t>
    <phoneticPr fontId="9"/>
  </si>
  <si>
    <t>When the result shows "Not Applicable", we complete the B2-Appendix where the use of each substance is detailed and attach it.</t>
    <phoneticPr fontId="9"/>
  </si>
  <si>
    <r>
      <rPr>
        <sz val="11"/>
        <rFont val="ＭＳ Ｐゴシック"/>
        <family val="3"/>
        <charset val="128"/>
      </rPr>
      <t>樹脂またはゴム中に使用されている／</t>
    </r>
    <r>
      <rPr>
        <sz val="9"/>
        <rFont val="Arial"/>
        <family val="2"/>
      </rPr>
      <t>Used in plastic  or rubber.</t>
    </r>
    <rPh sb="0" eb="2">
      <t>ジュシ</t>
    </rPh>
    <rPh sb="7" eb="8">
      <t>チュウ</t>
    </rPh>
    <rPh sb="9" eb="11">
      <t>シヨウ</t>
    </rPh>
    <phoneticPr fontId="9"/>
  </si>
  <si>
    <r>
      <rPr>
        <sz val="11"/>
        <rFont val="ＭＳ Ｐゴシック"/>
        <family val="3"/>
        <charset val="128"/>
      </rPr>
      <t>使用可／</t>
    </r>
  </si>
  <si>
    <r>
      <rPr>
        <sz val="11"/>
        <rFont val="ＭＳ Ｐゴシック"/>
        <family val="3"/>
        <charset val="128"/>
      </rPr>
      <t>（記入必須）代替困難理由・使用箇所／</t>
    </r>
    <r>
      <rPr>
        <sz val="9"/>
        <rFont val="Arial"/>
        <family val="2"/>
      </rPr>
      <t>(Required fields) Reason for "difficult to substitute" and Point of use</t>
    </r>
    <rPh sb="1" eb="3">
      <t>キニュウ</t>
    </rPh>
    <rPh sb="3" eb="5">
      <t>ヒッスウ</t>
    </rPh>
    <phoneticPr fontId="9"/>
  </si>
  <si>
    <r>
      <rPr>
        <sz val="10"/>
        <rFont val="ＭＳ Ｐゴシック"/>
        <family val="3"/>
        <charset val="128"/>
      </rPr>
      <t>化審法、</t>
    </r>
    <r>
      <rPr>
        <sz val="10"/>
        <rFont val="Arial"/>
        <family val="2"/>
      </rPr>
      <t>EU POPs</t>
    </r>
    <r>
      <rPr>
        <sz val="10"/>
        <rFont val="ＭＳ Ｐゴシック"/>
        <family val="3"/>
        <charset val="128"/>
      </rPr>
      <t>規則</t>
    </r>
    <rPh sb="0" eb="3">
      <t>カシンホウ</t>
    </rPh>
    <rPh sb="11" eb="13">
      <t>キソク</t>
    </rPh>
    <phoneticPr fontId="9"/>
  </si>
  <si>
    <r>
      <rPr>
        <sz val="10"/>
        <rFont val="ＭＳ Ｐゴシック"/>
        <family val="3"/>
        <charset val="128"/>
      </rPr>
      <t>ニッケル及びその化合物</t>
    </r>
    <phoneticPr fontId="9"/>
  </si>
  <si>
    <r>
      <rPr>
        <sz val="10"/>
        <rFont val="ＭＳ Ｐゴシック"/>
        <family val="3"/>
        <charset val="128"/>
      </rPr>
      <t>ホウ酸</t>
    </r>
    <phoneticPr fontId="9"/>
  </si>
  <si>
    <r>
      <rPr>
        <sz val="10"/>
        <rFont val="ＭＳ Ｐゴシック"/>
        <family val="3"/>
        <charset val="128"/>
      </rPr>
      <t>リン酸トリス（</t>
    </r>
    <r>
      <rPr>
        <sz val="10"/>
        <rFont val="Arial"/>
        <family val="2"/>
      </rPr>
      <t>1,3-</t>
    </r>
    <r>
      <rPr>
        <sz val="10"/>
        <rFont val="ＭＳ Ｐゴシック"/>
        <family val="3"/>
        <charset val="128"/>
      </rPr>
      <t>ジクロロ</t>
    </r>
    <r>
      <rPr>
        <sz val="10"/>
        <rFont val="Arial"/>
        <family val="2"/>
      </rPr>
      <t>-2-</t>
    </r>
    <r>
      <rPr>
        <sz val="10"/>
        <rFont val="ＭＳ Ｐゴシック"/>
        <family val="3"/>
        <charset val="128"/>
      </rPr>
      <t>プロピル）（</t>
    </r>
    <r>
      <rPr>
        <sz val="10"/>
        <rFont val="Arial"/>
        <family val="2"/>
      </rPr>
      <t>TDCPP</t>
    </r>
    <r>
      <rPr>
        <sz val="10"/>
        <rFont val="ＭＳ Ｐゴシック"/>
        <family val="3"/>
        <charset val="128"/>
      </rPr>
      <t>）</t>
    </r>
    <phoneticPr fontId="9"/>
  </si>
  <si>
    <r>
      <rPr>
        <sz val="10"/>
        <rFont val="ＭＳ Ｐゴシック"/>
        <family val="3"/>
        <charset val="128"/>
      </rPr>
      <t>多環芳香族炭化水素（</t>
    </r>
    <r>
      <rPr>
        <sz val="10"/>
        <rFont val="Arial"/>
        <family val="2"/>
      </rPr>
      <t>PAH</t>
    </r>
    <r>
      <rPr>
        <sz val="10"/>
        <rFont val="ＭＳ Ｐゴシック"/>
        <family val="3"/>
        <charset val="128"/>
      </rPr>
      <t>）</t>
    </r>
    <phoneticPr fontId="9"/>
  </si>
  <si>
    <t>2/3 ~ 3/3</t>
    <phoneticPr fontId="9"/>
  </si>
  <si>
    <t>1/3</t>
    <phoneticPr fontId="9"/>
  </si>
  <si>
    <t>13(b)-(I)</t>
    <phoneticPr fontId="9"/>
  </si>
  <si>
    <r>
      <rPr>
        <sz val="11"/>
        <rFont val="ＭＳ Ｐゴシック"/>
        <family val="3"/>
        <charset val="128"/>
      </rPr>
      <t>上記以外の</t>
    </r>
    <r>
      <rPr>
        <sz val="11"/>
        <rFont val="Arial"/>
        <family val="2"/>
      </rPr>
      <t>EU RoHS</t>
    </r>
    <r>
      <rPr>
        <sz val="11"/>
        <rFont val="ＭＳ Ｐゴシック"/>
        <family val="3"/>
        <charset val="128"/>
      </rPr>
      <t>指令で定められた適用除外用途に使用されており、採用部門の許可を得ている／</t>
    </r>
    <rPh sb="15" eb="16">
      <t>サダ</t>
    </rPh>
    <rPh sb="20" eb="22">
      <t>テキヨウ</t>
    </rPh>
    <phoneticPr fontId="9"/>
  </si>
  <si>
    <t>&lt; AnnexIII / AnnexIV &gt;</t>
  </si>
  <si>
    <t>Used in photo-lithography processes for semiconductors or in etching processes for compound semiconductors</t>
    <phoneticPr fontId="9"/>
  </si>
  <si>
    <t>-</t>
    <phoneticPr fontId="9"/>
  </si>
  <si>
    <t>Total content of 4 substances (DEHP, DBP, BBP, DIBP) is 1000ppm or less.</t>
    <phoneticPr fontId="12"/>
  </si>
  <si>
    <t>Perfluorooctanoic acid (PFOA) and its salts and PFOA-related substances *3)</t>
    <phoneticPr fontId="9"/>
  </si>
  <si>
    <t>All of the following (1) to (4) are satisfied.
(1) In the case of plastics, the content is 300ppm or less.
(2) In the case of batteries, comply with the EU Battery Directive
      (2006/66/EC, 2013/56/EU).
(3) In case of use in toy/products for children, 
     not correspond to the banned criteria of both (1) and (2) in 2 of A2-Appendix.
(4) In the cases other than the above (1) to (3), the content is 1000ppm or less.</t>
    <phoneticPr fontId="9"/>
  </si>
  <si>
    <t>The following (1) and (2) are to be satisfied in the Mixture or Article.
(1) PFOA (including its salt): Content is less than 25ppb.
(2) Combination of one or multiple PFOA-related substances: 
     Total content is less than 1000ppb (1ppm).</t>
    <phoneticPr fontId="9"/>
  </si>
  <si>
    <t>Diisononyl Phthalate:DINP, Diisodecyl phthalate:DIDP or Di-n-octyl phthalate:DNOP is used in parts/materials that is used in products that are children's toy or child care article that can be placed in a child's mouth (over 1000ppm in total).</t>
    <phoneticPr fontId="9"/>
  </si>
  <si>
    <t xml:space="preserve">Total content of  content is 1000ppm or less regarding other than following four phthalates. 
Bis(2-ethylhexyl)phthalate:DEHP, Dibutyl phthalate: DBP, Bis(butylbenzyl) phthalate: BBP, Diisobutyl phthalate: DIBP, </t>
    <phoneticPr fontId="9"/>
  </si>
  <si>
    <t>Regarding Ozone-depleting substances, scoped substances are CFC, 1,1,1-trichloroethane, Carbon tetrachloride, Bromomethane, Bromochloromethane, Halon, HBFC and HCFC.</t>
    <phoneticPr fontId="9"/>
  </si>
  <si>
    <r>
      <rPr>
        <sz val="11"/>
        <rFont val="Arial"/>
        <family val="2"/>
      </rPr>
      <t>RoHS</t>
    </r>
    <r>
      <rPr>
        <sz val="11"/>
        <rFont val="ＭＳ Ｐゴシック"/>
        <family val="3"/>
        <charset val="128"/>
      </rPr>
      <t>適用除外</t>
    </r>
    <r>
      <rPr>
        <sz val="11"/>
        <rFont val="Arial"/>
        <family val="2"/>
      </rPr>
      <t>No.</t>
    </r>
    <r>
      <rPr>
        <sz val="11"/>
        <rFont val="ＭＳ Ｐゴシック"/>
        <family val="3"/>
        <charset val="128"/>
      </rPr>
      <t>／</t>
    </r>
    <r>
      <rPr>
        <sz val="9"/>
        <rFont val="Arial"/>
        <family val="2"/>
      </rPr>
      <t>RoHS Exemption No. :</t>
    </r>
    <rPh sb="4" eb="6">
      <t>テキヨウ</t>
    </rPh>
    <phoneticPr fontId="9"/>
  </si>
  <si>
    <r>
      <rPr>
        <sz val="11"/>
        <rFont val="ＭＳ Ｐゴシック"/>
        <family val="3"/>
        <charset val="128"/>
      </rPr>
      <t>下記（</t>
    </r>
    <r>
      <rPr>
        <sz val="11"/>
        <rFont val="Arial"/>
        <family val="2"/>
      </rPr>
      <t>2</t>
    </r>
    <r>
      <rPr>
        <sz val="11"/>
        <rFont val="ＭＳ Ｐゴシック"/>
        <family val="3"/>
        <charset val="128"/>
      </rPr>
      <t>）以外である／</t>
    </r>
    <rPh sb="5" eb="7">
      <t>イガイ</t>
    </rPh>
    <phoneticPr fontId="9"/>
  </si>
  <si>
    <r>
      <rPr>
        <sz val="11"/>
        <rFont val="ＭＳ Ｐゴシック"/>
        <family val="3"/>
        <charset val="128"/>
      </rPr>
      <t>（記入必須）使用されている除外用途／</t>
    </r>
    <r>
      <rPr>
        <sz val="9"/>
        <rFont val="Arial"/>
        <family val="2"/>
      </rPr>
      <t>(Required fields)  Applied exemption</t>
    </r>
    <rPh sb="6" eb="8">
      <t>シヨウ</t>
    </rPh>
    <rPh sb="13" eb="15">
      <t>ジョガイ</t>
    </rPh>
    <rPh sb="15" eb="17">
      <t>ヨウト</t>
    </rPh>
    <phoneticPr fontId="9"/>
  </si>
  <si>
    <t>Used in every application other than the following (2)-(5).</t>
    <phoneticPr fontId="9"/>
  </si>
  <si>
    <t>8(b)-I</t>
    <phoneticPr fontId="9"/>
  </si>
  <si>
    <t>-</t>
    <phoneticPr fontId="9"/>
  </si>
  <si>
    <t>13(b)-(II)</t>
    <phoneticPr fontId="9"/>
  </si>
  <si>
    <t>13(b)-(III)</t>
    <phoneticPr fontId="9"/>
  </si>
  <si>
    <t>Using exemptions listed in EU RoHS directive other than above and having permission from adoption decision.</t>
    <phoneticPr fontId="9"/>
  </si>
  <si>
    <t>15(a)</t>
    <phoneticPr fontId="9"/>
  </si>
  <si>
    <t>-</t>
    <phoneticPr fontId="9"/>
  </si>
  <si>
    <t>13(b)-(III)</t>
    <phoneticPr fontId="9"/>
  </si>
  <si>
    <t>Using exemptions listed in EU RoHS directive other than above and having permission from adoption decision.</t>
    <phoneticPr fontId="9"/>
  </si>
  <si>
    <t>Bis(2-ethylhexyl)phthalate (DEHP), Dibutyl phthalate (DBP), Bis(butylbenzyl) phthalate (BBP), Diisobutyl phthalate (DIBP)</t>
    <phoneticPr fontId="9"/>
  </si>
  <si>
    <t>-</t>
    <phoneticPr fontId="9"/>
  </si>
  <si>
    <t>Used other than the following (2).</t>
    <phoneticPr fontId="9"/>
  </si>
  <si>
    <t>In the case of parts/materials used in the product that is both "regulated EU RoHS Directive" and "other than Children's toy or child care article", content of DEHP, DBP, BBP and DIBP is 1000ppm or less respectively.</t>
    <phoneticPr fontId="9"/>
  </si>
  <si>
    <t xml:space="preserve">   The number of this column is that of an exempted application of EU RoHS directive Annex III (2011/65/EU) .</t>
    <phoneticPr fontId="9"/>
  </si>
  <si>
    <r>
      <rPr>
        <sz val="10"/>
        <rFont val="ＭＳ Ｐゴシック"/>
        <family val="3"/>
        <charset val="128"/>
      </rPr>
      <t>フタル酸ジ（</t>
    </r>
    <r>
      <rPr>
        <sz val="10"/>
        <rFont val="Arial"/>
        <family val="2"/>
      </rPr>
      <t>2-</t>
    </r>
    <r>
      <rPr>
        <sz val="10"/>
        <rFont val="ＭＳ Ｐゴシック"/>
        <family val="3"/>
        <charset val="128"/>
      </rPr>
      <t>エチルヘキシル）（</t>
    </r>
    <r>
      <rPr>
        <sz val="10"/>
        <rFont val="Arial"/>
        <family val="2"/>
      </rPr>
      <t>DEHP</t>
    </r>
    <r>
      <rPr>
        <sz val="10"/>
        <rFont val="ＭＳ Ｐゴシック"/>
        <family val="3"/>
        <charset val="128"/>
      </rPr>
      <t>）、フタル酸ジブチル（</t>
    </r>
    <r>
      <rPr>
        <sz val="10"/>
        <rFont val="Arial"/>
        <family val="2"/>
      </rPr>
      <t>DBP</t>
    </r>
    <r>
      <rPr>
        <sz val="10"/>
        <rFont val="ＭＳ Ｐゴシック"/>
        <family val="3"/>
        <charset val="128"/>
      </rPr>
      <t>）、フタル酸ブチルベンジル（</t>
    </r>
    <r>
      <rPr>
        <sz val="10"/>
        <rFont val="Arial"/>
        <family val="2"/>
      </rPr>
      <t>BBP</t>
    </r>
    <r>
      <rPr>
        <sz val="10"/>
        <rFont val="ＭＳ Ｐゴシック"/>
        <family val="3"/>
        <charset val="128"/>
      </rPr>
      <t>）、フタル酸ジイソブチル（</t>
    </r>
    <r>
      <rPr>
        <sz val="10"/>
        <rFont val="Arial"/>
        <family val="2"/>
      </rPr>
      <t>DIBP</t>
    </r>
    <r>
      <rPr>
        <sz val="10"/>
        <rFont val="ＭＳ Ｐゴシック"/>
        <family val="3"/>
        <charset val="128"/>
      </rPr>
      <t>）</t>
    </r>
    <phoneticPr fontId="9"/>
  </si>
  <si>
    <r>
      <t>EU RoHS</t>
    </r>
    <r>
      <rPr>
        <sz val="10"/>
        <rFont val="ＭＳ Ｐゴシック"/>
        <family val="3"/>
        <charset val="128"/>
      </rPr>
      <t>指令（欧州委員会委任指令</t>
    </r>
    <r>
      <rPr>
        <sz val="10"/>
        <rFont val="Arial"/>
        <family val="2"/>
      </rPr>
      <t>2015/863</t>
    </r>
    <r>
      <rPr>
        <sz val="10"/>
        <rFont val="ＭＳ Ｐゴシック"/>
        <family val="3"/>
        <charset val="128"/>
      </rPr>
      <t>）、</t>
    </r>
    <r>
      <rPr>
        <sz val="10"/>
        <rFont val="Arial"/>
        <family val="2"/>
      </rPr>
      <t>EU REACH</t>
    </r>
    <r>
      <rPr>
        <sz val="10"/>
        <rFont val="ＭＳ Ｐゴシック"/>
        <family val="3"/>
        <charset val="128"/>
      </rPr>
      <t>規則</t>
    </r>
    <r>
      <rPr>
        <sz val="10"/>
        <rFont val="Arial"/>
        <family val="2"/>
      </rPr>
      <t xml:space="preserve"> </t>
    </r>
    <r>
      <rPr>
        <sz val="10"/>
        <rFont val="ＭＳ Ｐゴシック"/>
        <family val="3"/>
        <charset val="128"/>
      </rPr>
      <t>附属書</t>
    </r>
    <r>
      <rPr>
        <sz val="10"/>
        <rFont val="Arial"/>
        <family val="2"/>
      </rPr>
      <t>XVII</t>
    </r>
    <r>
      <rPr>
        <sz val="10"/>
        <rFont val="ＭＳ Ｐゴシック"/>
        <family val="3"/>
        <charset val="128"/>
      </rPr>
      <t>、米国消費者製品安全改善法（</t>
    </r>
    <r>
      <rPr>
        <sz val="10"/>
        <rFont val="Arial"/>
        <family val="2"/>
      </rPr>
      <t>CPSIA</t>
    </r>
    <r>
      <rPr>
        <sz val="10"/>
        <rFont val="ＭＳ Ｐゴシック"/>
        <family val="3"/>
        <charset val="128"/>
      </rPr>
      <t>）</t>
    </r>
    <rPh sb="7" eb="9">
      <t>シレイ</t>
    </rPh>
    <rPh sb="10" eb="12">
      <t>オウシュウ</t>
    </rPh>
    <rPh sb="12" eb="15">
      <t>イインカイ</t>
    </rPh>
    <rPh sb="15" eb="17">
      <t>イニン</t>
    </rPh>
    <rPh sb="17" eb="19">
      <t>シレイ</t>
    </rPh>
    <rPh sb="37" eb="39">
      <t>キソク</t>
    </rPh>
    <rPh sb="40" eb="43">
      <t>フゾクショ</t>
    </rPh>
    <phoneticPr fontId="9"/>
  </si>
  <si>
    <r>
      <rPr>
        <sz val="10"/>
        <rFont val="ＭＳ Ｐゴシック"/>
        <family val="3"/>
        <charset val="128"/>
      </rPr>
      <t>パーフルオロオクタン酸（</t>
    </r>
    <r>
      <rPr>
        <sz val="10"/>
        <rFont val="Arial"/>
        <family val="2"/>
      </rPr>
      <t>PFOA</t>
    </r>
    <r>
      <rPr>
        <sz val="10"/>
        <rFont val="ＭＳ Ｐゴシック"/>
        <family val="3"/>
        <charset val="128"/>
      </rPr>
      <t>）とその塩および</t>
    </r>
    <r>
      <rPr>
        <sz val="10"/>
        <rFont val="Arial"/>
        <family val="2"/>
      </rPr>
      <t>PFOA</t>
    </r>
    <r>
      <rPr>
        <sz val="10"/>
        <rFont val="ＭＳ Ｐゴシック"/>
        <family val="3"/>
        <charset val="128"/>
      </rPr>
      <t>関連物質</t>
    </r>
    <phoneticPr fontId="9"/>
  </si>
  <si>
    <r>
      <rPr>
        <b/>
        <sz val="10"/>
        <color theme="1"/>
        <rFont val="ＭＳ Ｐゴシック"/>
        <family val="3"/>
        <charset val="128"/>
      </rPr>
      <t>第</t>
    </r>
    <r>
      <rPr>
        <b/>
        <sz val="10"/>
        <color theme="1"/>
        <rFont val="Arial"/>
        <family val="2"/>
      </rPr>
      <t>B2</t>
    </r>
    <r>
      <rPr>
        <b/>
        <sz val="10"/>
        <color theme="1"/>
        <rFont val="ＭＳ Ｐゴシック"/>
        <family val="3"/>
        <charset val="128"/>
      </rPr>
      <t>項の確認結果で「</t>
    </r>
    <r>
      <rPr>
        <b/>
        <sz val="10"/>
        <color theme="1"/>
        <rFont val="Arial"/>
        <family val="2"/>
      </rPr>
      <t>Not Applicable</t>
    </r>
    <r>
      <rPr>
        <b/>
        <sz val="10"/>
        <color theme="1"/>
        <rFont val="ＭＳ Ｐゴシック"/>
        <family val="3"/>
        <charset val="128"/>
      </rPr>
      <t>」の項目について、下記の判定基準に従い確認した結果、該当する項目の｢確認結果｣欄にチェック（</t>
    </r>
    <r>
      <rPr>
        <b/>
        <sz val="10"/>
        <color theme="1"/>
        <rFont val="Arial"/>
        <family val="2"/>
      </rPr>
      <t>X</t>
    </r>
    <r>
      <rPr>
        <b/>
        <sz val="10"/>
        <color theme="1"/>
        <rFont val="ＭＳ Ｐゴシック"/>
        <family val="3"/>
        <charset val="128"/>
      </rPr>
      <t>）しています／</t>
    </r>
    <phoneticPr fontId="9"/>
  </si>
  <si>
    <r>
      <rPr>
        <sz val="11"/>
        <color theme="1"/>
        <rFont val="ＭＳ Ｐゴシック"/>
        <family val="3"/>
        <charset val="128"/>
      </rPr>
      <t xml:space="preserve">化学物質名／
</t>
    </r>
    <r>
      <rPr>
        <sz val="9"/>
        <color theme="1"/>
        <rFont val="Arial"/>
        <family val="2"/>
      </rPr>
      <t>Substances</t>
    </r>
    <phoneticPr fontId="9"/>
  </si>
  <si>
    <r>
      <rPr>
        <sz val="11"/>
        <color theme="1"/>
        <rFont val="ＭＳ Ｐゴシック"/>
        <family val="3"/>
        <charset val="128"/>
      </rPr>
      <t>確認内容（判定基準）／</t>
    </r>
    <r>
      <rPr>
        <sz val="9"/>
        <color theme="1"/>
        <rFont val="Arial"/>
        <family val="2"/>
      </rPr>
      <t>Check point (Criteria)</t>
    </r>
    <phoneticPr fontId="9"/>
  </si>
  <si>
    <r>
      <rPr>
        <sz val="11"/>
        <color theme="1"/>
        <rFont val="ＭＳ Ｐゴシック"/>
        <family val="3"/>
        <charset val="128"/>
      </rPr>
      <t>酸化ベリリウムを使用している／</t>
    </r>
    <phoneticPr fontId="9"/>
  </si>
  <si>
    <r>
      <rPr>
        <sz val="11"/>
        <color theme="1"/>
        <rFont val="ＭＳ Ｐゴシック"/>
        <family val="3"/>
        <charset val="128"/>
      </rPr>
      <t>除外対象部品に使用されている／</t>
    </r>
    <phoneticPr fontId="9"/>
  </si>
  <si>
    <r>
      <t xml:space="preserve">(a) </t>
    </r>
    <r>
      <rPr>
        <sz val="11"/>
        <color theme="1"/>
        <rFont val="ＭＳ Ｐゴシック"/>
        <family val="3"/>
        <charset val="128"/>
      </rPr>
      <t>合金に／</t>
    </r>
    <r>
      <rPr>
        <sz val="9"/>
        <color theme="1"/>
        <rFont val="Arial"/>
        <family val="2"/>
      </rPr>
      <t>Alloy</t>
    </r>
    <phoneticPr fontId="9"/>
  </si>
  <si>
    <r>
      <t xml:space="preserve">(d) </t>
    </r>
    <r>
      <rPr>
        <sz val="11"/>
        <color theme="1"/>
        <rFont val="ＭＳ Ｐゴシック"/>
        <family val="3"/>
        <charset val="128"/>
      </rPr>
      <t>半導体に／</t>
    </r>
    <r>
      <rPr>
        <sz val="9"/>
        <color theme="1"/>
        <rFont val="Arial"/>
        <family val="2"/>
      </rPr>
      <t>Semiconductor</t>
    </r>
    <phoneticPr fontId="9"/>
  </si>
  <si>
    <r>
      <rPr>
        <sz val="11"/>
        <color theme="1"/>
        <rFont val="ＭＳ Ｐゴシック"/>
        <family val="3"/>
        <charset val="128"/>
      </rPr>
      <t>アゾ染料・顔料／</t>
    </r>
    <r>
      <rPr>
        <sz val="9"/>
        <color theme="1"/>
        <rFont val="Arial"/>
        <family val="2"/>
      </rPr>
      <t>Azo colorants</t>
    </r>
    <phoneticPr fontId="9"/>
  </si>
  <si>
    <r>
      <rPr>
        <sz val="11"/>
        <color theme="1"/>
        <rFont val="ＭＳ Ｐゴシック"/>
        <family val="3"/>
        <charset val="128"/>
      </rPr>
      <t>下記（</t>
    </r>
    <r>
      <rPr>
        <sz val="11"/>
        <color theme="1"/>
        <rFont val="Arial"/>
        <family val="2"/>
      </rPr>
      <t>2</t>
    </r>
    <r>
      <rPr>
        <sz val="11"/>
        <color theme="1"/>
        <rFont val="ＭＳ Ｐゴシック"/>
        <family val="3"/>
        <charset val="128"/>
      </rPr>
      <t>）～（</t>
    </r>
    <r>
      <rPr>
        <sz val="11"/>
        <color theme="1"/>
        <rFont val="Arial"/>
        <family val="2"/>
      </rPr>
      <t>3</t>
    </r>
    <r>
      <rPr>
        <sz val="11"/>
        <color theme="1"/>
        <rFont val="ＭＳ Ｐゴシック"/>
        <family val="3"/>
        <charset val="128"/>
      </rPr>
      <t>）以外のものに使用されている／</t>
    </r>
    <phoneticPr fontId="9"/>
  </si>
  <si>
    <r>
      <rPr>
        <sz val="11"/>
        <color theme="1"/>
        <rFont val="ＭＳ Ｐゴシック"/>
        <family val="3"/>
        <charset val="128"/>
      </rPr>
      <t>電子レンジのマグネトロンにトリウムが使用されている／</t>
    </r>
    <phoneticPr fontId="9"/>
  </si>
  <si>
    <r>
      <rPr>
        <sz val="11"/>
        <color theme="1"/>
        <rFont val="ＭＳ Ｐゴシック"/>
        <family val="3"/>
        <charset val="128"/>
      </rPr>
      <t>木製部品へ使用されている／</t>
    </r>
    <phoneticPr fontId="9"/>
  </si>
  <si>
    <r>
      <rPr>
        <sz val="11"/>
        <color theme="1"/>
        <rFont val="ＭＳ Ｐゴシック"/>
        <family val="3"/>
        <charset val="128"/>
      </rPr>
      <t>長時間皮膚に接触する部分に使用されている／</t>
    </r>
    <phoneticPr fontId="9"/>
  </si>
  <si>
    <r>
      <rPr>
        <sz val="11"/>
        <color theme="1"/>
        <rFont val="ＭＳ Ｐゴシック"/>
        <family val="3"/>
        <charset val="128"/>
      </rPr>
      <t>液晶プロジェクターのランプのガラスに使用されている（三酸化二ヒ素）／</t>
    </r>
    <phoneticPr fontId="9"/>
  </si>
  <si>
    <r>
      <rPr>
        <b/>
        <sz val="11"/>
        <color theme="0"/>
        <rFont val="ＭＳ Ｐゴシック"/>
        <family val="3"/>
        <charset val="128"/>
      </rPr>
      <t xml:space="preserve">使用禁止／
</t>
    </r>
    <r>
      <rPr>
        <b/>
        <sz val="9"/>
        <color theme="0"/>
        <rFont val="Arial"/>
        <family val="2"/>
      </rPr>
      <t>Banned</t>
    </r>
    <phoneticPr fontId="9"/>
  </si>
  <si>
    <r>
      <rPr>
        <sz val="11"/>
        <color theme="1"/>
        <rFont val="ＭＳ Ｐゴシック"/>
        <family val="3"/>
        <charset val="128"/>
      </rPr>
      <t>下記用途で使用されている／</t>
    </r>
    <r>
      <rPr>
        <sz val="9"/>
        <color theme="1"/>
        <rFont val="Arial"/>
        <family val="2"/>
      </rPr>
      <t>Used for applications below;</t>
    </r>
    <phoneticPr fontId="9"/>
  </si>
  <si>
    <r>
      <t xml:space="preserve">(a) </t>
    </r>
    <r>
      <rPr>
        <sz val="11"/>
        <color theme="1"/>
        <rFont val="ＭＳ Ｐゴシック"/>
        <family val="3"/>
        <charset val="128"/>
      </rPr>
      <t>偏光板（</t>
    </r>
    <r>
      <rPr>
        <sz val="11"/>
        <color theme="1"/>
        <rFont val="Arial"/>
        <family val="2"/>
      </rPr>
      <t>PVA</t>
    </r>
    <r>
      <rPr>
        <sz val="11"/>
        <color theme="1"/>
        <rFont val="ＭＳ Ｐゴシック"/>
        <family val="3"/>
        <charset val="128"/>
      </rPr>
      <t>製）に／</t>
    </r>
    <r>
      <rPr>
        <sz val="9"/>
        <color theme="1"/>
        <rFont val="Arial"/>
        <family val="2"/>
      </rPr>
      <t xml:space="preserve">Polarizers (made of PVA) </t>
    </r>
    <phoneticPr fontId="9"/>
  </si>
  <si>
    <r>
      <rPr>
        <sz val="11"/>
        <color theme="1"/>
        <rFont val="ＭＳ Ｐゴシック"/>
        <family val="3"/>
        <charset val="128"/>
      </rPr>
      <t>四ホウ酸二ナトリウム無水物、四ホウ酸二ナトリウム水和物／</t>
    </r>
    <r>
      <rPr>
        <sz val="9"/>
        <color theme="1"/>
        <rFont val="Arial"/>
        <family val="2"/>
      </rPr>
      <t>Disodium tetraborate, anhydrous, Tetraboron disodium heptaoxide, hydrate</t>
    </r>
    <phoneticPr fontId="9"/>
  </si>
  <si>
    <r>
      <t>2</t>
    </r>
    <r>
      <rPr>
        <sz val="11"/>
        <color theme="1"/>
        <rFont val="ＭＳ Ｐゴシック"/>
        <family val="3"/>
        <charset val="128"/>
      </rPr>
      <t>液型室温硬化型成型材キット（</t>
    </r>
    <r>
      <rPr>
        <sz val="11"/>
        <color theme="1"/>
        <rFont val="Arial"/>
        <family val="2"/>
      </rPr>
      <t>RTV-2</t>
    </r>
    <r>
      <rPr>
        <sz val="11"/>
        <color theme="1"/>
        <rFont val="ＭＳ Ｐゴシック"/>
        <family val="3"/>
        <charset val="128"/>
      </rPr>
      <t>成型材キット）／</t>
    </r>
    <phoneticPr fontId="9"/>
  </si>
  <si>
    <r>
      <rPr>
        <sz val="11"/>
        <rFont val="ＭＳ Ｐゴシック"/>
        <family val="3"/>
        <charset val="128"/>
      </rPr>
      <t>下記（</t>
    </r>
    <r>
      <rPr>
        <sz val="11"/>
        <rFont val="Arial"/>
        <family val="2"/>
      </rPr>
      <t>2</t>
    </r>
    <r>
      <rPr>
        <sz val="11"/>
        <rFont val="ＭＳ Ｐゴシック"/>
        <family val="3"/>
        <charset val="128"/>
      </rPr>
      <t>）～（</t>
    </r>
    <r>
      <rPr>
        <sz val="11"/>
        <rFont val="Arial"/>
        <family val="2"/>
      </rPr>
      <t>4</t>
    </r>
    <r>
      <rPr>
        <sz val="11"/>
        <rFont val="ＭＳ Ｐゴシック"/>
        <family val="3"/>
        <charset val="128"/>
      </rPr>
      <t>）以外のものに使用されている／</t>
    </r>
    <r>
      <rPr>
        <sz val="9"/>
        <rFont val="Arial"/>
        <family val="2"/>
      </rPr>
      <t>Used in the other than the following (2)-(4).</t>
    </r>
    <phoneticPr fontId="9"/>
  </si>
  <si>
    <r>
      <rPr>
        <sz val="11"/>
        <rFont val="ＭＳ Ｐゴシック"/>
        <family val="3"/>
        <charset val="128"/>
      </rPr>
      <t>リン酸トリス（</t>
    </r>
    <r>
      <rPr>
        <sz val="11"/>
        <rFont val="Arial"/>
        <family val="2"/>
      </rPr>
      <t>1-</t>
    </r>
    <r>
      <rPr>
        <sz val="11"/>
        <rFont val="ＭＳ Ｐゴシック"/>
        <family val="3"/>
        <charset val="128"/>
      </rPr>
      <t>メチル</t>
    </r>
    <r>
      <rPr>
        <sz val="11"/>
        <rFont val="Arial"/>
        <family val="2"/>
      </rPr>
      <t>-2-</t>
    </r>
    <r>
      <rPr>
        <sz val="11"/>
        <rFont val="ＭＳ Ｐゴシック"/>
        <family val="3"/>
        <charset val="128"/>
      </rPr>
      <t>クロロエチル）（</t>
    </r>
    <r>
      <rPr>
        <sz val="11"/>
        <rFont val="Arial"/>
        <family val="2"/>
      </rPr>
      <t>TCPP</t>
    </r>
    <r>
      <rPr>
        <sz val="11"/>
        <rFont val="ＭＳ Ｐゴシック"/>
        <family val="3"/>
        <charset val="128"/>
      </rPr>
      <t>）／</t>
    </r>
    <r>
      <rPr>
        <sz val="9"/>
        <rFont val="Arial"/>
        <family val="2"/>
      </rPr>
      <t>Tris(2-chloro-1-methylethyl) phosphate (TCPP)</t>
    </r>
    <phoneticPr fontId="9"/>
  </si>
  <si>
    <r>
      <rPr>
        <sz val="11"/>
        <rFont val="ＭＳ Ｐゴシック"/>
        <family val="3"/>
        <charset val="128"/>
      </rPr>
      <t>上記（</t>
    </r>
    <r>
      <rPr>
        <sz val="11"/>
        <rFont val="Arial"/>
        <family val="2"/>
      </rPr>
      <t>1</t>
    </r>
    <r>
      <rPr>
        <sz val="11"/>
        <rFont val="ＭＳ Ｐゴシック"/>
        <family val="3"/>
        <charset val="128"/>
      </rPr>
      <t>）以外のものに使用されている／</t>
    </r>
    <r>
      <rPr>
        <sz val="9"/>
        <rFont val="Arial"/>
        <family val="2"/>
      </rPr>
      <t>Used in the other than the above (1).</t>
    </r>
    <phoneticPr fontId="9"/>
  </si>
  <si>
    <r>
      <rPr>
        <sz val="11"/>
        <color theme="1"/>
        <rFont val="ＭＳ Ｐゴシック"/>
        <family val="3"/>
        <charset val="128"/>
      </rPr>
      <t>多環芳香族炭化水素（</t>
    </r>
    <r>
      <rPr>
        <sz val="11"/>
        <color theme="1"/>
        <rFont val="Arial"/>
        <family val="2"/>
      </rPr>
      <t>PAH</t>
    </r>
    <r>
      <rPr>
        <sz val="11"/>
        <color theme="1"/>
        <rFont val="ＭＳ Ｐゴシック"/>
        <family val="3"/>
        <charset val="128"/>
      </rPr>
      <t>）／</t>
    </r>
    <r>
      <rPr>
        <sz val="9"/>
        <color theme="1"/>
        <rFont val="Arial"/>
        <family val="2"/>
      </rPr>
      <t>Polycyclic aromatic hydrocarbons (PAHs)</t>
    </r>
    <phoneticPr fontId="9"/>
  </si>
  <si>
    <r>
      <rPr>
        <sz val="11"/>
        <color theme="1"/>
        <rFont val="ＭＳ Ｐゴシック"/>
        <family val="3"/>
        <charset val="128"/>
      </rPr>
      <t>人の皮膚または口腔に、直接長時間接触するあるいは短期時間繰り返して接触するプラスチックまたはゴム部品に使用されている／</t>
    </r>
    <r>
      <rPr>
        <sz val="9"/>
        <color theme="1"/>
        <rFont val="Arial"/>
        <family val="2"/>
      </rPr>
      <t>Used in rubber or plastic components that come into direct as well as prolonged or shortterm repetitive contact with the human skin or the oral cavity.</t>
    </r>
    <phoneticPr fontId="9"/>
  </si>
  <si>
    <r>
      <rPr>
        <sz val="11"/>
        <rFont val="ＭＳ Ｐゴシック"/>
        <family val="3"/>
        <charset val="128"/>
      </rPr>
      <t>赤リン／</t>
    </r>
    <r>
      <rPr>
        <sz val="9"/>
        <rFont val="Arial"/>
        <family val="2"/>
      </rPr>
      <t>Red phosphorus</t>
    </r>
    <rPh sb="0" eb="1">
      <t>アカ</t>
    </rPh>
    <phoneticPr fontId="9"/>
  </si>
  <si>
    <r>
      <t xml:space="preserve">&lt; </t>
    </r>
    <r>
      <rPr>
        <sz val="9"/>
        <color theme="1"/>
        <rFont val="ＭＳ Ｐゴシック"/>
        <family val="3"/>
        <charset val="128"/>
      </rPr>
      <t>判定基準を満たす／</t>
    </r>
    <r>
      <rPr>
        <sz val="9"/>
        <color theme="1"/>
        <rFont val="Arial"/>
        <family val="2"/>
      </rPr>
      <t>Meet criteria: "Applicable"</t>
    </r>
    <r>
      <rPr>
        <sz val="9"/>
        <color theme="1"/>
        <rFont val="ＭＳ Ｐゴシック"/>
        <family val="3"/>
        <charset val="128"/>
      </rPr>
      <t>、満たさない／</t>
    </r>
    <r>
      <rPr>
        <sz val="9"/>
        <color theme="1"/>
        <rFont val="Arial"/>
        <family val="2"/>
      </rPr>
      <t>Do not meet criteria: "Not Applicable" &gt;</t>
    </r>
  </si>
  <si>
    <r>
      <rPr>
        <sz val="11"/>
        <color theme="1"/>
        <rFont val="ＭＳ Ｐゴシック"/>
        <family val="3"/>
        <charset val="128"/>
      </rPr>
      <t>化学物質名／</t>
    </r>
    <r>
      <rPr>
        <sz val="9"/>
        <color theme="1"/>
        <rFont val="Arial"/>
        <family val="2"/>
      </rPr>
      <t>Substances</t>
    </r>
    <phoneticPr fontId="9"/>
  </si>
  <si>
    <r>
      <rPr>
        <sz val="11"/>
        <color theme="1"/>
        <rFont val="ＭＳ Ｐゴシック"/>
        <family val="3"/>
        <charset val="128"/>
      </rPr>
      <t>確認内容（判定基準）／</t>
    </r>
    <r>
      <rPr>
        <sz val="9"/>
        <color theme="1"/>
        <rFont val="Arial"/>
        <family val="2"/>
      </rPr>
      <t>Check point (Criteria)</t>
    </r>
    <r>
      <rPr>
        <sz val="11"/>
        <color theme="1"/>
        <rFont val="Arial"/>
        <family val="2"/>
      </rPr>
      <t xml:space="preserve"> *1) </t>
    </r>
    <phoneticPr fontId="9"/>
  </si>
  <si>
    <r>
      <rPr>
        <sz val="11"/>
        <color theme="1"/>
        <rFont val="ＭＳ Ｐゴシック"/>
        <family val="3"/>
        <charset val="128"/>
      </rPr>
      <t>意図的に添加せず、かつ</t>
    </r>
    <r>
      <rPr>
        <sz val="11"/>
        <color theme="1"/>
        <rFont val="Arial"/>
        <family val="2"/>
      </rPr>
      <t>1000ppm</t>
    </r>
    <r>
      <rPr>
        <sz val="11"/>
        <color theme="1"/>
        <rFont val="ＭＳ Ｐゴシック"/>
        <family val="3"/>
        <charset val="128"/>
      </rPr>
      <t>以下の含有である／</t>
    </r>
    <phoneticPr fontId="9"/>
  </si>
  <si>
    <r>
      <rPr>
        <sz val="11"/>
        <color theme="1"/>
        <rFont val="ＭＳ Ｐゴシック"/>
        <family val="3"/>
        <charset val="128"/>
      </rPr>
      <t>意図的に添加していない／</t>
    </r>
    <phoneticPr fontId="9"/>
  </si>
  <si>
    <r>
      <rPr>
        <sz val="11"/>
        <color theme="1"/>
        <rFont val="ＭＳ Ｐゴシック"/>
        <family val="3"/>
        <charset val="128"/>
      </rPr>
      <t>意図的に添加していない（塩素数</t>
    </r>
    <r>
      <rPr>
        <sz val="11"/>
        <color theme="1"/>
        <rFont val="Arial"/>
        <family val="2"/>
      </rPr>
      <t>1</t>
    </r>
    <r>
      <rPr>
        <sz val="11"/>
        <color theme="1"/>
        <rFont val="ＭＳ Ｐゴシック"/>
        <family val="3"/>
        <charset val="128"/>
      </rPr>
      <t>～</t>
    </r>
    <r>
      <rPr>
        <sz val="11"/>
        <color theme="1"/>
        <rFont val="Arial"/>
        <family val="2"/>
      </rPr>
      <t>8</t>
    </r>
    <r>
      <rPr>
        <sz val="11"/>
        <color theme="1"/>
        <rFont val="ＭＳ Ｐゴシック"/>
        <family val="3"/>
        <charset val="128"/>
      </rPr>
      <t>が対象）／</t>
    </r>
    <rPh sb="19" eb="21">
      <t>タイショウ</t>
    </rPh>
    <phoneticPr fontId="9"/>
  </si>
  <si>
    <r>
      <rPr>
        <sz val="11"/>
        <rFont val="ＭＳ Ｐゴシック"/>
        <family val="3"/>
        <charset val="128"/>
      </rPr>
      <t>意図的に添加せず、かつ</t>
    </r>
    <r>
      <rPr>
        <sz val="11"/>
        <rFont val="Arial"/>
        <family val="2"/>
      </rPr>
      <t>1000ppm</t>
    </r>
    <r>
      <rPr>
        <sz val="11"/>
        <rFont val="ＭＳ Ｐゴシック"/>
        <family val="3"/>
        <charset val="128"/>
      </rPr>
      <t>以下の含有である／</t>
    </r>
    <phoneticPr fontId="9"/>
  </si>
  <si>
    <r>
      <rPr>
        <sz val="11"/>
        <rFont val="ＭＳ Ｐゴシック"/>
        <family val="3"/>
        <charset val="128"/>
      </rPr>
      <t>ジメチルフマレート／</t>
    </r>
    <phoneticPr fontId="9"/>
  </si>
  <si>
    <r>
      <rPr>
        <sz val="11"/>
        <rFont val="ＭＳ Ｐゴシック"/>
        <family val="3"/>
        <charset val="128"/>
      </rPr>
      <t>意図的に添加していない／</t>
    </r>
    <phoneticPr fontId="9"/>
  </si>
  <si>
    <r>
      <rPr>
        <sz val="11"/>
        <rFont val="ＭＳ Ｐゴシック"/>
        <family val="3"/>
        <charset val="128"/>
      </rPr>
      <t>スズの元素として、材料中の</t>
    </r>
    <r>
      <rPr>
        <sz val="11"/>
        <rFont val="Arial"/>
        <family val="2"/>
      </rPr>
      <t>1000ppm</t>
    </r>
    <r>
      <rPr>
        <sz val="11"/>
        <rFont val="ＭＳ Ｐゴシック"/>
        <family val="3"/>
        <charset val="128"/>
      </rPr>
      <t>以下の含有である／</t>
    </r>
    <phoneticPr fontId="9"/>
  </si>
  <si>
    <r>
      <rPr>
        <sz val="11"/>
        <color theme="1"/>
        <rFont val="ＭＳ Ｐゴシック"/>
        <family val="3"/>
        <charset val="128"/>
      </rPr>
      <t>アゾ染料・顔料／</t>
    </r>
    <phoneticPr fontId="9"/>
  </si>
  <si>
    <r>
      <rPr>
        <sz val="11"/>
        <color theme="1"/>
        <rFont val="ＭＳ Ｐゴシック"/>
        <family val="3"/>
        <charset val="128"/>
      </rPr>
      <t>ポリ塩化ビニル及びそのコポリマー／</t>
    </r>
    <phoneticPr fontId="9"/>
  </si>
  <si>
    <r>
      <rPr>
        <sz val="11"/>
        <rFont val="ＭＳ Ｐゴシック"/>
        <family val="3"/>
        <charset val="128"/>
      </rPr>
      <t>下記以外のフタル酸エステル類が、合計で</t>
    </r>
    <r>
      <rPr>
        <sz val="11"/>
        <rFont val="Arial"/>
        <family val="2"/>
      </rPr>
      <t>1000ppm</t>
    </r>
    <r>
      <rPr>
        <sz val="11"/>
        <rFont val="ＭＳ Ｐゴシック"/>
        <family val="3"/>
        <charset val="128"/>
      </rPr>
      <t>以下の含有である。
フタル酸ジ（</t>
    </r>
    <r>
      <rPr>
        <sz val="11"/>
        <rFont val="Arial"/>
        <family val="2"/>
      </rPr>
      <t>2-</t>
    </r>
    <r>
      <rPr>
        <sz val="11"/>
        <rFont val="ＭＳ Ｐゴシック"/>
        <family val="3"/>
        <charset val="128"/>
      </rPr>
      <t>エチルヘキシル）：</t>
    </r>
    <r>
      <rPr>
        <sz val="11"/>
        <rFont val="Arial"/>
        <family val="2"/>
      </rPr>
      <t>DEHP</t>
    </r>
    <r>
      <rPr>
        <sz val="11"/>
        <rFont val="ＭＳ Ｐゴシック"/>
        <family val="3"/>
        <charset val="128"/>
      </rPr>
      <t>、フタル酸ジブチル：</t>
    </r>
    <r>
      <rPr>
        <sz val="11"/>
        <rFont val="Arial"/>
        <family val="2"/>
      </rPr>
      <t>DBP</t>
    </r>
    <r>
      <rPr>
        <sz val="11"/>
        <rFont val="ＭＳ Ｐゴシック"/>
        <family val="3"/>
        <charset val="128"/>
      </rPr>
      <t>、フタル酸ブチルベンジル：</t>
    </r>
    <r>
      <rPr>
        <sz val="11"/>
        <rFont val="Arial"/>
        <family val="2"/>
      </rPr>
      <t>BBP</t>
    </r>
    <r>
      <rPr>
        <sz val="11"/>
        <rFont val="ＭＳ Ｐゴシック"/>
        <family val="3"/>
        <charset val="128"/>
      </rPr>
      <t>、フタル酸ジイソブチル：</t>
    </r>
    <r>
      <rPr>
        <sz val="11"/>
        <rFont val="Arial"/>
        <family val="2"/>
      </rPr>
      <t>DIBP</t>
    </r>
    <rPh sb="0" eb="2">
      <t>カキ</t>
    </rPh>
    <rPh sb="2" eb="4">
      <t>イガイ</t>
    </rPh>
    <rPh sb="8" eb="9">
      <t>サン</t>
    </rPh>
    <rPh sb="13" eb="14">
      <t>ルイ</t>
    </rPh>
    <rPh sb="16" eb="18">
      <t>ゴウケイ</t>
    </rPh>
    <phoneticPr fontId="10"/>
  </si>
  <si>
    <r>
      <rPr>
        <sz val="11"/>
        <color theme="1"/>
        <rFont val="ＭＳ Ｐゴシック"/>
        <family val="3"/>
        <charset val="128"/>
      </rPr>
      <t>放射性物質／</t>
    </r>
    <phoneticPr fontId="9"/>
  </si>
  <si>
    <r>
      <rPr>
        <sz val="11"/>
        <color theme="1"/>
        <rFont val="ＭＳ Ｐゴシック"/>
        <family val="3"/>
        <charset val="128"/>
      </rPr>
      <t>フッ素系温室効果ガス（</t>
    </r>
    <r>
      <rPr>
        <sz val="11"/>
        <color theme="1"/>
        <rFont val="Arial"/>
        <family val="2"/>
      </rPr>
      <t>HFC/PFC/SF6</t>
    </r>
    <r>
      <rPr>
        <sz val="11"/>
        <color theme="1"/>
        <rFont val="ＭＳ Ｐゴシック"/>
        <family val="3"/>
        <charset val="128"/>
      </rPr>
      <t>）／</t>
    </r>
    <phoneticPr fontId="9"/>
  </si>
  <si>
    <r>
      <rPr>
        <sz val="11"/>
        <color theme="1"/>
        <rFont val="ＭＳ Ｐゴシック"/>
        <family val="3"/>
        <charset val="128"/>
      </rPr>
      <t>ホルムアルデヒド／</t>
    </r>
    <phoneticPr fontId="9"/>
  </si>
  <si>
    <r>
      <rPr>
        <sz val="11"/>
        <color theme="1"/>
        <rFont val="ＭＳ Ｐゴシック"/>
        <family val="3"/>
        <charset val="128"/>
      </rPr>
      <t>木製部品</t>
    </r>
    <r>
      <rPr>
        <sz val="11"/>
        <color theme="1"/>
        <rFont val="Arial"/>
        <family val="2"/>
      </rPr>
      <t xml:space="preserve"> </t>
    </r>
    <r>
      <rPr>
        <sz val="11"/>
        <color theme="1"/>
        <rFont val="ＭＳ Ｐゴシック"/>
        <family val="3"/>
        <charset val="128"/>
      </rPr>
      <t>：</t>
    </r>
    <r>
      <rPr>
        <sz val="11"/>
        <color theme="1"/>
        <rFont val="Arial"/>
        <family val="2"/>
      </rPr>
      <t xml:space="preserve"> </t>
    </r>
    <r>
      <rPr>
        <sz val="11"/>
        <color theme="1"/>
        <rFont val="ＭＳ Ｐゴシック"/>
        <family val="3"/>
        <charset val="128"/>
      </rPr>
      <t>気中濃度</t>
    </r>
    <r>
      <rPr>
        <sz val="11"/>
        <color theme="1"/>
        <rFont val="Arial"/>
        <family val="2"/>
      </rPr>
      <t>0.1ppm</t>
    </r>
    <r>
      <rPr>
        <sz val="11"/>
        <color theme="1"/>
        <rFont val="ＭＳ Ｐゴシック"/>
        <family val="3"/>
        <charset val="128"/>
      </rPr>
      <t>以下（チャンバー法）、
プラスチック・繊維等</t>
    </r>
    <r>
      <rPr>
        <sz val="11"/>
        <color theme="1"/>
        <rFont val="Arial"/>
        <family val="2"/>
      </rPr>
      <t xml:space="preserve"> </t>
    </r>
    <r>
      <rPr>
        <sz val="11"/>
        <color theme="1"/>
        <rFont val="ＭＳ Ｐゴシック"/>
        <family val="3"/>
        <charset val="128"/>
      </rPr>
      <t>：</t>
    </r>
    <r>
      <rPr>
        <sz val="11"/>
        <color theme="1"/>
        <rFont val="Arial"/>
        <family val="2"/>
      </rPr>
      <t xml:space="preserve"> 75ppm</t>
    </r>
    <r>
      <rPr>
        <sz val="11"/>
        <color theme="1"/>
        <rFont val="ＭＳ Ｐゴシック"/>
        <family val="3"/>
        <charset val="128"/>
      </rPr>
      <t>以下の含有である／</t>
    </r>
    <phoneticPr fontId="9"/>
  </si>
  <si>
    <r>
      <rPr>
        <sz val="11"/>
        <color theme="1"/>
        <rFont val="ＭＳ Ｐゴシック"/>
        <family val="3"/>
        <charset val="128"/>
      </rPr>
      <t>過塩素酸塩／</t>
    </r>
    <phoneticPr fontId="9"/>
  </si>
  <si>
    <r>
      <rPr>
        <sz val="11"/>
        <color theme="1"/>
        <rFont val="ＭＳ Ｐゴシック"/>
        <family val="3"/>
        <charset val="128"/>
      </rPr>
      <t>意図的に添加していない（電池のみ調査対象。電池以外は回答不要）／</t>
    </r>
    <phoneticPr fontId="9"/>
  </si>
  <si>
    <r>
      <rPr>
        <sz val="11"/>
        <rFont val="ＭＳ Ｐゴシック"/>
        <family val="3"/>
        <charset val="128"/>
      </rPr>
      <t>ニッケル及びその化合物／</t>
    </r>
    <rPh sb="4" eb="5">
      <t>オヨ</t>
    </rPh>
    <rPh sb="8" eb="10">
      <t>カゴウ</t>
    </rPh>
    <rPh sb="10" eb="11">
      <t>ブツ</t>
    </rPh>
    <phoneticPr fontId="9"/>
  </si>
  <si>
    <r>
      <rPr>
        <sz val="11"/>
        <rFont val="ＭＳ Ｐゴシック"/>
        <family val="3"/>
        <charset val="128"/>
      </rPr>
      <t>ヒ素及びその化合物／</t>
    </r>
    <phoneticPr fontId="9"/>
  </si>
  <si>
    <r>
      <rPr>
        <sz val="11"/>
        <rFont val="ＭＳ Ｐゴシック"/>
        <family val="3"/>
        <charset val="128"/>
      </rPr>
      <t>ホウ酸／</t>
    </r>
    <phoneticPr fontId="9"/>
  </si>
  <si>
    <r>
      <rPr>
        <sz val="11"/>
        <rFont val="ＭＳ Ｐゴシック"/>
        <family val="3"/>
        <charset val="128"/>
      </rPr>
      <t>四ホウ酸二ナトリウム無水物、四ホウ酸二ナトリウム水和物／</t>
    </r>
    <phoneticPr fontId="9"/>
  </si>
  <si>
    <r>
      <rPr>
        <sz val="11"/>
        <rFont val="ＭＳ Ｐゴシック"/>
        <family val="3"/>
        <charset val="128"/>
      </rPr>
      <t>パーフルオロオクタン酸（</t>
    </r>
    <r>
      <rPr>
        <sz val="11"/>
        <rFont val="Arial"/>
        <family val="2"/>
      </rPr>
      <t>PFOA</t>
    </r>
    <r>
      <rPr>
        <sz val="11"/>
        <rFont val="ＭＳ Ｐゴシック"/>
        <family val="3"/>
        <charset val="128"/>
      </rPr>
      <t>）とその塩および</t>
    </r>
    <r>
      <rPr>
        <sz val="11"/>
        <rFont val="Arial"/>
        <family val="2"/>
      </rPr>
      <t>PFOA</t>
    </r>
    <r>
      <rPr>
        <sz val="11"/>
        <rFont val="ＭＳ Ｐゴシック"/>
        <family val="3"/>
        <charset val="128"/>
      </rPr>
      <t>関連物質</t>
    </r>
    <r>
      <rPr>
        <sz val="11"/>
        <rFont val="Arial"/>
        <family val="2"/>
      </rPr>
      <t xml:space="preserve"> *3)</t>
    </r>
    <r>
      <rPr>
        <sz val="11"/>
        <rFont val="ＭＳ Ｐゴシック"/>
        <family val="3"/>
        <charset val="128"/>
      </rPr>
      <t>／</t>
    </r>
    <phoneticPr fontId="9"/>
  </si>
  <si>
    <r>
      <rPr>
        <sz val="11"/>
        <rFont val="ＭＳ Ｐゴシック"/>
        <family val="3"/>
        <charset val="128"/>
      </rPr>
      <t>塩素系難燃剤／</t>
    </r>
    <phoneticPr fontId="9"/>
  </si>
  <si>
    <r>
      <rPr>
        <sz val="11"/>
        <rFont val="ＭＳ Ｐゴシック"/>
        <family val="3"/>
        <charset val="128"/>
      </rPr>
      <t>リン酸トリス（</t>
    </r>
    <r>
      <rPr>
        <sz val="11"/>
        <rFont val="Arial"/>
        <family val="2"/>
      </rPr>
      <t>2-</t>
    </r>
    <r>
      <rPr>
        <sz val="11"/>
        <rFont val="ＭＳ Ｐゴシック"/>
        <family val="3"/>
        <charset val="128"/>
      </rPr>
      <t>クロロエチル）（</t>
    </r>
    <r>
      <rPr>
        <sz val="11"/>
        <rFont val="Arial"/>
        <family val="2"/>
      </rPr>
      <t>TCEP</t>
    </r>
    <r>
      <rPr>
        <sz val="11"/>
        <rFont val="ＭＳ Ｐゴシック"/>
        <family val="3"/>
        <charset val="128"/>
      </rPr>
      <t>）／</t>
    </r>
    <phoneticPr fontId="9"/>
  </si>
  <si>
    <r>
      <rPr>
        <sz val="11"/>
        <rFont val="ＭＳ Ｐゴシック"/>
        <family val="3"/>
        <charset val="128"/>
      </rPr>
      <t>リン酸トリス（</t>
    </r>
    <r>
      <rPr>
        <sz val="11"/>
        <rFont val="Arial"/>
        <family val="2"/>
      </rPr>
      <t>1-</t>
    </r>
    <r>
      <rPr>
        <sz val="11"/>
        <rFont val="ＭＳ Ｐゴシック"/>
        <family val="3"/>
        <charset val="128"/>
      </rPr>
      <t>メチル</t>
    </r>
    <r>
      <rPr>
        <sz val="11"/>
        <rFont val="Arial"/>
        <family val="2"/>
      </rPr>
      <t>-2-</t>
    </r>
    <r>
      <rPr>
        <sz val="11"/>
        <rFont val="ＭＳ Ｐゴシック"/>
        <family val="3"/>
        <charset val="128"/>
      </rPr>
      <t>クロロエチル）
（</t>
    </r>
    <r>
      <rPr>
        <sz val="11"/>
        <rFont val="Arial"/>
        <family val="2"/>
      </rPr>
      <t>TCPP</t>
    </r>
    <r>
      <rPr>
        <sz val="11"/>
        <rFont val="ＭＳ Ｐゴシック"/>
        <family val="3"/>
        <charset val="128"/>
      </rPr>
      <t>）／</t>
    </r>
    <phoneticPr fontId="9"/>
  </si>
  <si>
    <r>
      <rPr>
        <sz val="11"/>
        <rFont val="ＭＳ Ｐゴシック"/>
        <family val="3"/>
        <charset val="128"/>
      </rPr>
      <t>リン酸トリス（</t>
    </r>
    <r>
      <rPr>
        <sz val="11"/>
        <rFont val="Arial"/>
        <family val="2"/>
      </rPr>
      <t>1,3-</t>
    </r>
    <r>
      <rPr>
        <sz val="11"/>
        <rFont val="ＭＳ Ｐゴシック"/>
        <family val="3"/>
        <charset val="128"/>
      </rPr>
      <t>ジクロロ</t>
    </r>
    <r>
      <rPr>
        <sz val="11"/>
        <rFont val="Arial"/>
        <family val="2"/>
      </rPr>
      <t>-2-</t>
    </r>
    <r>
      <rPr>
        <sz val="11"/>
        <rFont val="ＭＳ Ｐゴシック"/>
        <family val="3"/>
        <charset val="128"/>
      </rPr>
      <t>プロピル）
（</t>
    </r>
    <r>
      <rPr>
        <sz val="11"/>
        <rFont val="Arial"/>
        <family val="2"/>
      </rPr>
      <t>TDCPP</t>
    </r>
    <r>
      <rPr>
        <sz val="11"/>
        <rFont val="ＭＳ Ｐゴシック"/>
        <family val="3"/>
        <charset val="128"/>
      </rPr>
      <t>）／</t>
    </r>
    <phoneticPr fontId="9"/>
  </si>
  <si>
    <r>
      <rPr>
        <sz val="11"/>
        <rFont val="ＭＳ Ｐゴシック"/>
        <family val="3"/>
        <charset val="128"/>
      </rPr>
      <t>多環芳香族炭化水素（</t>
    </r>
    <r>
      <rPr>
        <sz val="11"/>
        <rFont val="Arial"/>
        <family val="2"/>
      </rPr>
      <t>PAH</t>
    </r>
    <r>
      <rPr>
        <sz val="11"/>
        <rFont val="ＭＳ Ｐゴシック"/>
        <family val="3"/>
        <charset val="128"/>
      </rPr>
      <t>）／</t>
    </r>
    <phoneticPr fontId="9"/>
  </si>
  <si>
    <r>
      <rPr>
        <sz val="11"/>
        <rFont val="ＭＳ Ｐゴシック"/>
        <family val="3"/>
        <charset val="128"/>
      </rPr>
      <t>赤リン</t>
    </r>
    <rPh sb="0" eb="1">
      <t>セキ</t>
    </rPh>
    <phoneticPr fontId="9"/>
  </si>
  <si>
    <r>
      <rPr>
        <sz val="10"/>
        <color theme="1"/>
        <rFont val="ＭＳ Ｐゴシック"/>
        <family val="3"/>
        <charset val="128"/>
      </rPr>
      <t>判定基準の確認結果が「</t>
    </r>
    <r>
      <rPr>
        <sz val="10"/>
        <color theme="1"/>
        <rFont val="Arial"/>
        <family val="2"/>
      </rPr>
      <t>Not Applicable</t>
    </r>
    <r>
      <rPr>
        <sz val="10"/>
        <color theme="1"/>
        <rFont val="ＭＳ Ｐゴシック"/>
        <family val="3"/>
        <charset val="128"/>
      </rPr>
      <t>」の場合は、</t>
    </r>
    <r>
      <rPr>
        <sz val="10"/>
        <color theme="1"/>
        <rFont val="Arial"/>
        <family val="2"/>
      </rPr>
      <t>B2-</t>
    </r>
    <r>
      <rPr>
        <sz val="10"/>
        <color theme="1"/>
        <rFont val="ＭＳ Ｐゴシック"/>
        <family val="3"/>
        <charset val="128"/>
      </rPr>
      <t>別表にて使用可否の判定を記載し添付いたします／</t>
    </r>
  </si>
  <si>
    <r>
      <rPr>
        <sz val="11"/>
        <color theme="1"/>
        <rFont val="ＭＳ Ｐゴシック"/>
        <family val="3"/>
        <charset val="128"/>
      </rPr>
      <t>化学物質名／</t>
    </r>
    <r>
      <rPr>
        <sz val="11"/>
        <color theme="1"/>
        <rFont val="Arial"/>
        <family val="2"/>
      </rPr>
      <t>Substances</t>
    </r>
  </si>
  <si>
    <r>
      <t>(1)</t>
    </r>
    <r>
      <rPr>
        <sz val="11"/>
        <color theme="1"/>
        <rFont val="ＭＳ Ｐゴシック"/>
        <family val="3"/>
        <charset val="128"/>
      </rPr>
      <t>製品に含有していない／</t>
    </r>
    <phoneticPr fontId="9"/>
  </si>
  <si>
    <r>
      <t>(2)</t>
    </r>
    <r>
      <rPr>
        <sz val="11"/>
        <color theme="1"/>
        <rFont val="ＭＳ Ｐゴシック"/>
        <family val="3"/>
        <charset val="128"/>
      </rPr>
      <t>製品に回路基板を使用している／</t>
    </r>
    <phoneticPr fontId="9"/>
  </si>
  <si>
    <r>
      <t>(3)</t>
    </r>
    <r>
      <rPr>
        <sz val="11"/>
        <color theme="1"/>
        <rFont val="ＭＳ Ｐゴシック"/>
        <family val="3"/>
        <charset val="128"/>
      </rPr>
      <t>洗浄工程で使用していない（</t>
    </r>
    <r>
      <rPr>
        <sz val="11"/>
        <color theme="1"/>
        <rFont val="Arial"/>
        <family val="2"/>
      </rPr>
      <t>(2)</t>
    </r>
    <r>
      <rPr>
        <sz val="11"/>
        <color theme="1"/>
        <rFont val="ＭＳ Ｐゴシック"/>
        <family val="3"/>
        <charset val="128"/>
      </rPr>
      <t>項の確認結果が</t>
    </r>
    <r>
      <rPr>
        <sz val="11"/>
        <color theme="1"/>
        <rFont val="Arial"/>
        <family val="2"/>
      </rPr>
      <t>YES</t>
    </r>
    <r>
      <rPr>
        <sz val="11"/>
        <color theme="1"/>
        <rFont val="ＭＳ Ｐゴシック"/>
        <family val="3"/>
        <charset val="128"/>
      </rPr>
      <t>の場合のみ回答）
（</t>
    </r>
    <r>
      <rPr>
        <sz val="11"/>
        <color theme="1"/>
        <rFont val="Arial"/>
        <family val="2"/>
      </rPr>
      <t>"Not Used"="</t>
    </r>
    <r>
      <rPr>
        <sz val="11"/>
        <color theme="1"/>
        <rFont val="ＭＳ Ｐゴシック"/>
        <family val="3"/>
        <charset val="128"/>
      </rPr>
      <t>洗浄工程で使用していない</t>
    </r>
    <r>
      <rPr>
        <sz val="11"/>
        <color theme="1"/>
        <rFont val="Arial"/>
        <family val="2"/>
      </rPr>
      <t>"</t>
    </r>
    <r>
      <rPr>
        <sz val="11"/>
        <color theme="1"/>
        <rFont val="ＭＳ Ｐゴシック"/>
        <family val="3"/>
        <charset val="128"/>
      </rPr>
      <t>場合でも、洗浄工程が必要なものについては、洗浄液又は洗浄方法を記入）／</t>
    </r>
    <phoneticPr fontId="9"/>
  </si>
  <si>
    <r>
      <t>Rinse solution</t>
    </r>
    <r>
      <rPr>
        <sz val="9"/>
        <color theme="1"/>
        <rFont val="ＭＳ Ｐゴシック"/>
        <family val="3"/>
        <charset val="128"/>
      </rPr>
      <t>：</t>
    </r>
  </si>
  <si>
    <r>
      <rPr>
        <sz val="11"/>
        <color theme="1"/>
        <rFont val="ＭＳ Ｐゴシック"/>
        <family val="3"/>
        <charset val="128"/>
      </rPr>
      <t>洗浄方法：／</t>
    </r>
    <phoneticPr fontId="9"/>
  </si>
  <si>
    <r>
      <t>Rinse method</t>
    </r>
    <r>
      <rPr>
        <sz val="9"/>
        <color theme="1"/>
        <rFont val="ＭＳ Ｐゴシック"/>
        <family val="3"/>
        <charset val="128"/>
      </rPr>
      <t>：</t>
    </r>
  </si>
  <si>
    <r>
      <rPr>
        <sz val="9"/>
        <color theme="1"/>
        <rFont val="ＭＳ Ｐゴシック"/>
        <family val="3"/>
        <charset val="128"/>
      </rPr>
      <t>（「署名」或は、「印字と捺印」をお願いします／</t>
    </r>
    <r>
      <rPr>
        <sz val="9"/>
        <color theme="1"/>
        <rFont val="Arial"/>
        <family val="2"/>
      </rPr>
      <t>"Signature" OR "input name and Seal"</t>
    </r>
    <r>
      <rPr>
        <sz val="9"/>
        <color theme="1"/>
        <rFont val="ＭＳ Ｐゴシック"/>
        <family val="3"/>
        <charset val="128"/>
      </rPr>
      <t>）</t>
    </r>
    <phoneticPr fontId="9"/>
  </si>
  <si>
    <r>
      <t>A.RoHS</t>
    </r>
    <r>
      <rPr>
        <b/>
        <sz val="12"/>
        <rFont val="ＭＳ Ｐゴシック"/>
        <family val="3"/>
        <charset val="128"/>
      </rPr>
      <t>関連化学物質／</t>
    </r>
    <r>
      <rPr>
        <b/>
        <sz val="8"/>
        <rFont val="Arial"/>
        <family val="2"/>
      </rPr>
      <t>RoHS-related chemical Substances</t>
    </r>
    <rPh sb="8" eb="10">
      <t>カガク</t>
    </rPh>
    <rPh sb="10" eb="12">
      <t>ブッシツ</t>
    </rPh>
    <phoneticPr fontId="9"/>
  </si>
  <si>
    <r>
      <t>1000ppm</t>
    </r>
    <r>
      <rPr>
        <sz val="11"/>
        <color theme="1"/>
        <rFont val="ＭＳ Ｐゴシック"/>
        <family val="3"/>
        <charset val="128"/>
      </rPr>
      <t>以下の含有である。ただし、皮膚に接触する皮革製品・部品中は、皮革の合計乾燥重量あたり</t>
    </r>
    <r>
      <rPr>
        <sz val="11"/>
        <color theme="1"/>
        <rFont val="Arial"/>
        <family val="2"/>
      </rPr>
      <t>3ppm</t>
    </r>
    <r>
      <rPr>
        <sz val="11"/>
        <color theme="1"/>
        <rFont val="ＭＳ Ｐゴシック"/>
        <family val="3"/>
        <charset val="128"/>
      </rPr>
      <t>未満である／</t>
    </r>
    <phoneticPr fontId="9"/>
  </si>
  <si>
    <r>
      <t>1000ppm</t>
    </r>
    <r>
      <rPr>
        <sz val="11"/>
        <color theme="1"/>
        <rFont val="ＭＳ Ｐゴシック"/>
        <family val="3"/>
        <charset val="128"/>
      </rPr>
      <t>以下の含有である／</t>
    </r>
    <phoneticPr fontId="9"/>
  </si>
  <si>
    <r>
      <t>100ppm</t>
    </r>
    <r>
      <rPr>
        <sz val="11"/>
        <color theme="1"/>
        <rFont val="ＭＳ Ｐゴシック"/>
        <family val="3"/>
        <charset val="128"/>
      </rPr>
      <t>以下の含有である。また、電池に関しては、</t>
    </r>
    <r>
      <rPr>
        <sz val="11"/>
        <color theme="1"/>
        <rFont val="Arial"/>
        <family val="2"/>
      </rPr>
      <t>EU</t>
    </r>
    <r>
      <rPr>
        <sz val="11"/>
        <color theme="1"/>
        <rFont val="ＭＳ Ｐゴシック"/>
        <family val="3"/>
        <charset val="128"/>
      </rPr>
      <t>電池指令（</t>
    </r>
    <r>
      <rPr>
        <sz val="11"/>
        <color theme="1"/>
        <rFont val="Arial"/>
        <family val="2"/>
      </rPr>
      <t>2006/66/EC</t>
    </r>
    <r>
      <rPr>
        <sz val="11"/>
        <color theme="1"/>
        <rFont val="ＭＳ Ｐゴシック"/>
        <family val="3"/>
        <charset val="128"/>
      </rPr>
      <t>、</t>
    </r>
    <r>
      <rPr>
        <sz val="11"/>
        <color theme="1"/>
        <rFont val="Arial"/>
        <family val="2"/>
      </rPr>
      <t>2013/56/EU</t>
    </r>
    <r>
      <rPr>
        <sz val="11"/>
        <color theme="1"/>
        <rFont val="ＭＳ Ｐゴシック"/>
        <family val="3"/>
        <charset val="128"/>
      </rPr>
      <t>）を満足している／</t>
    </r>
    <phoneticPr fontId="9"/>
  </si>
  <si>
    <r>
      <rPr>
        <sz val="11"/>
        <rFont val="ＭＳ Ｐゴシック"/>
        <family val="3"/>
        <charset val="128"/>
      </rPr>
      <t>下記の</t>
    </r>
    <r>
      <rPr>
        <sz val="11"/>
        <rFont val="Arial"/>
        <family val="2"/>
      </rPr>
      <t xml:space="preserve"> (1)</t>
    </r>
    <r>
      <rPr>
        <sz val="11"/>
        <rFont val="ＭＳ Ｐゴシック"/>
        <family val="3"/>
        <charset val="128"/>
      </rPr>
      <t>～</t>
    </r>
    <r>
      <rPr>
        <sz val="11"/>
        <rFont val="Arial"/>
        <family val="2"/>
      </rPr>
      <t xml:space="preserve">(4) </t>
    </r>
    <r>
      <rPr>
        <sz val="11"/>
        <rFont val="ＭＳ Ｐゴシック"/>
        <family val="3"/>
        <charset val="128"/>
      </rPr>
      <t xml:space="preserve">をすべて満足している。
</t>
    </r>
    <r>
      <rPr>
        <sz val="11"/>
        <rFont val="Arial"/>
        <family val="2"/>
      </rPr>
      <t xml:space="preserve">(1) </t>
    </r>
    <r>
      <rPr>
        <sz val="11"/>
        <rFont val="ＭＳ Ｐゴシック"/>
        <family val="3"/>
        <charset val="128"/>
      </rPr>
      <t>プラスチック類の場合は、</t>
    </r>
    <r>
      <rPr>
        <sz val="11"/>
        <rFont val="Arial"/>
        <family val="2"/>
      </rPr>
      <t>300ppm</t>
    </r>
    <r>
      <rPr>
        <sz val="11"/>
        <rFont val="ＭＳ Ｐゴシック"/>
        <family val="3"/>
        <charset val="128"/>
      </rPr>
      <t xml:space="preserve">以下の含有である。
</t>
    </r>
    <r>
      <rPr>
        <sz val="11"/>
        <rFont val="Arial"/>
        <family val="2"/>
      </rPr>
      <t xml:space="preserve">(2) </t>
    </r>
    <r>
      <rPr>
        <sz val="11"/>
        <rFont val="ＭＳ Ｐゴシック"/>
        <family val="3"/>
        <charset val="128"/>
      </rPr>
      <t>電池の場合は、</t>
    </r>
    <r>
      <rPr>
        <sz val="11"/>
        <rFont val="Arial"/>
        <family val="2"/>
      </rPr>
      <t>EU</t>
    </r>
    <r>
      <rPr>
        <sz val="11"/>
        <rFont val="ＭＳ Ｐゴシック"/>
        <family val="3"/>
        <charset val="128"/>
      </rPr>
      <t>電池指令（</t>
    </r>
    <r>
      <rPr>
        <sz val="11"/>
        <rFont val="Arial"/>
        <family val="2"/>
      </rPr>
      <t>2006/66/EC</t>
    </r>
    <r>
      <rPr>
        <sz val="11"/>
        <rFont val="ＭＳ Ｐゴシック"/>
        <family val="3"/>
        <charset val="128"/>
      </rPr>
      <t>、</t>
    </r>
    <r>
      <rPr>
        <sz val="11"/>
        <rFont val="Arial"/>
        <family val="2"/>
      </rPr>
      <t>2013/56/EU</t>
    </r>
    <r>
      <rPr>
        <sz val="11"/>
        <rFont val="ＭＳ Ｐゴシック"/>
        <family val="3"/>
        <charset val="128"/>
      </rPr>
      <t xml:space="preserve">）を
</t>
    </r>
    <r>
      <rPr>
        <sz val="11"/>
        <rFont val="Arial"/>
        <family val="2"/>
      </rPr>
      <t xml:space="preserve">     </t>
    </r>
    <r>
      <rPr>
        <sz val="11"/>
        <rFont val="ＭＳ Ｐゴシック"/>
        <family val="3"/>
        <charset val="128"/>
      </rPr>
      <t xml:space="preserve">満足している。
</t>
    </r>
    <r>
      <rPr>
        <sz val="11"/>
        <rFont val="Arial"/>
        <family val="2"/>
      </rPr>
      <t xml:space="preserve">(3) </t>
    </r>
    <r>
      <rPr>
        <sz val="11"/>
        <rFont val="ＭＳ Ｐゴシック"/>
        <family val="3"/>
        <charset val="128"/>
      </rPr>
      <t xml:space="preserve">おもちゃや子供向け用途の製品に使用される場合は、
</t>
    </r>
    <r>
      <rPr>
        <sz val="11"/>
        <rFont val="Arial"/>
        <family val="2"/>
      </rPr>
      <t xml:space="preserve">     A2-</t>
    </r>
    <r>
      <rPr>
        <sz val="11"/>
        <rFont val="ＭＳ Ｐゴシック"/>
        <family val="3"/>
        <charset val="128"/>
      </rPr>
      <t>別表の</t>
    </r>
    <r>
      <rPr>
        <sz val="11"/>
        <rFont val="Arial"/>
        <family val="2"/>
      </rPr>
      <t>2</t>
    </r>
    <r>
      <rPr>
        <sz val="11"/>
        <rFont val="ＭＳ Ｐゴシック"/>
        <family val="3"/>
        <charset val="128"/>
      </rPr>
      <t>の</t>
    </r>
    <r>
      <rPr>
        <sz val="11"/>
        <rFont val="Arial"/>
        <family val="2"/>
      </rPr>
      <t>(1)</t>
    </r>
    <r>
      <rPr>
        <sz val="11"/>
        <rFont val="ＭＳ Ｐゴシック"/>
        <family val="3"/>
        <charset val="128"/>
      </rPr>
      <t>及び</t>
    </r>
    <r>
      <rPr>
        <sz val="11"/>
        <rFont val="Arial"/>
        <family val="2"/>
      </rPr>
      <t>(2)</t>
    </r>
    <r>
      <rPr>
        <sz val="11"/>
        <rFont val="ＭＳ Ｐゴシック"/>
        <family val="3"/>
        <charset val="128"/>
      </rPr>
      <t xml:space="preserve">に記載の使用禁止基準に該当していない／
</t>
    </r>
    <r>
      <rPr>
        <sz val="11"/>
        <rFont val="Arial"/>
        <family val="2"/>
      </rPr>
      <t xml:space="preserve">(4) </t>
    </r>
    <r>
      <rPr>
        <sz val="11"/>
        <rFont val="ＭＳ Ｐゴシック"/>
        <family val="3"/>
        <charset val="128"/>
      </rPr>
      <t>上記</t>
    </r>
    <r>
      <rPr>
        <sz val="11"/>
        <rFont val="Arial"/>
        <family val="2"/>
      </rPr>
      <t>(1)</t>
    </r>
    <r>
      <rPr>
        <sz val="11"/>
        <rFont val="ＭＳ Ｐゴシック"/>
        <family val="3"/>
        <charset val="128"/>
      </rPr>
      <t>～</t>
    </r>
    <r>
      <rPr>
        <sz val="11"/>
        <rFont val="Arial"/>
        <family val="2"/>
      </rPr>
      <t>(3)</t>
    </r>
    <r>
      <rPr>
        <sz val="11"/>
        <rFont val="ＭＳ Ｐゴシック"/>
        <family val="3"/>
        <charset val="128"/>
      </rPr>
      <t>以外の場合は、</t>
    </r>
    <r>
      <rPr>
        <sz val="11"/>
        <rFont val="Arial"/>
        <family val="2"/>
      </rPr>
      <t>1000ppm</t>
    </r>
    <r>
      <rPr>
        <sz val="11"/>
        <rFont val="ＭＳ Ｐゴシック"/>
        <family val="3"/>
        <charset val="128"/>
      </rPr>
      <t>以下の含有である／</t>
    </r>
    <rPh sb="16" eb="18">
      <t>マンゾク</t>
    </rPh>
    <rPh sb="162" eb="164">
      <t>キサイ</t>
    </rPh>
    <rPh sb="165" eb="167">
      <t>シヨウ</t>
    </rPh>
    <rPh sb="167" eb="169">
      <t>キンシ</t>
    </rPh>
    <rPh sb="169" eb="171">
      <t>キジュン</t>
    </rPh>
    <rPh sb="172" eb="174">
      <t>ガイトウ</t>
    </rPh>
    <phoneticPr fontId="9"/>
  </si>
  <si>
    <r>
      <t>1000ppm</t>
    </r>
    <r>
      <rPr>
        <sz val="11"/>
        <rFont val="ＭＳ Ｐゴシック"/>
        <family val="3"/>
        <charset val="128"/>
      </rPr>
      <t>以下の含有である。また、電池に関しては、</t>
    </r>
    <r>
      <rPr>
        <sz val="11"/>
        <rFont val="Arial"/>
        <family val="2"/>
      </rPr>
      <t>EU</t>
    </r>
    <r>
      <rPr>
        <sz val="11"/>
        <rFont val="ＭＳ Ｐゴシック"/>
        <family val="3"/>
        <charset val="128"/>
      </rPr>
      <t>電池指令（</t>
    </r>
    <r>
      <rPr>
        <sz val="11"/>
        <rFont val="Arial"/>
        <family val="2"/>
      </rPr>
      <t>2006/66/EC</t>
    </r>
    <r>
      <rPr>
        <sz val="11"/>
        <rFont val="ＭＳ Ｐゴシック"/>
        <family val="3"/>
        <charset val="128"/>
      </rPr>
      <t>、</t>
    </r>
    <r>
      <rPr>
        <sz val="11"/>
        <rFont val="Arial"/>
        <family val="2"/>
      </rPr>
      <t>2013/56/EU</t>
    </r>
    <r>
      <rPr>
        <sz val="11"/>
        <rFont val="ＭＳ Ｐゴシック"/>
        <family val="3"/>
        <charset val="128"/>
      </rPr>
      <t>）を満足している／</t>
    </r>
    <phoneticPr fontId="9"/>
  </si>
  <si>
    <r>
      <t>4</t>
    </r>
    <r>
      <rPr>
        <sz val="11"/>
        <rFont val="ＭＳ Ｐゴシック"/>
        <family val="3"/>
        <charset val="128"/>
      </rPr>
      <t>物質（</t>
    </r>
    <r>
      <rPr>
        <sz val="11"/>
        <rFont val="Arial"/>
        <family val="2"/>
      </rPr>
      <t>DEHP</t>
    </r>
    <r>
      <rPr>
        <sz val="11"/>
        <rFont val="ＭＳ Ｐゴシック"/>
        <family val="3"/>
        <charset val="128"/>
      </rPr>
      <t>、</t>
    </r>
    <r>
      <rPr>
        <sz val="11"/>
        <rFont val="Arial"/>
        <family val="2"/>
      </rPr>
      <t>DBP</t>
    </r>
    <r>
      <rPr>
        <sz val="11"/>
        <rFont val="ＭＳ Ｐゴシック"/>
        <family val="3"/>
        <charset val="128"/>
      </rPr>
      <t>、</t>
    </r>
    <r>
      <rPr>
        <sz val="11"/>
        <rFont val="Arial"/>
        <family val="2"/>
      </rPr>
      <t>BBP</t>
    </r>
    <r>
      <rPr>
        <sz val="11"/>
        <rFont val="ＭＳ Ｐゴシック"/>
        <family val="3"/>
        <charset val="128"/>
      </rPr>
      <t>、</t>
    </r>
    <r>
      <rPr>
        <sz val="11"/>
        <rFont val="Arial"/>
        <family val="2"/>
      </rPr>
      <t>DIBP</t>
    </r>
    <r>
      <rPr>
        <sz val="11"/>
        <rFont val="ＭＳ Ｐゴシック"/>
        <family val="3"/>
        <charset val="128"/>
      </rPr>
      <t>）の合計が、</t>
    </r>
    <r>
      <rPr>
        <sz val="11"/>
        <rFont val="Arial"/>
        <family val="2"/>
      </rPr>
      <t>1000ppm</t>
    </r>
    <r>
      <rPr>
        <sz val="11"/>
        <rFont val="ＭＳ Ｐゴシック"/>
        <family val="3"/>
        <charset val="128"/>
      </rPr>
      <t>以下の含有である／</t>
    </r>
    <phoneticPr fontId="12"/>
  </si>
  <si>
    <r>
      <rPr>
        <sz val="10"/>
        <rFont val="ＭＳ Ｐゴシック"/>
        <family val="3"/>
        <charset val="128"/>
      </rPr>
      <t>判定基準の確認結果が「</t>
    </r>
    <r>
      <rPr>
        <sz val="10"/>
        <rFont val="Arial"/>
        <family val="2"/>
      </rPr>
      <t>Not Applicable</t>
    </r>
    <r>
      <rPr>
        <sz val="10"/>
        <rFont val="ＭＳ Ｐゴシック"/>
        <family val="3"/>
        <charset val="128"/>
      </rPr>
      <t>」の場合は、</t>
    </r>
    <r>
      <rPr>
        <sz val="10"/>
        <rFont val="Arial"/>
        <family val="2"/>
      </rPr>
      <t>A2-</t>
    </r>
    <r>
      <rPr>
        <sz val="10"/>
        <rFont val="ＭＳ Ｐゴシック"/>
        <family val="3"/>
        <charset val="128"/>
      </rPr>
      <t>別表にて使用可否の判定を記載し添付いたします／</t>
    </r>
  </si>
  <si>
    <r>
      <rPr>
        <sz val="11"/>
        <rFont val="ＭＳ Ｐゴシック"/>
        <family val="3"/>
        <charset val="128"/>
      </rPr>
      <t>水銀及びその化合物</t>
    </r>
    <r>
      <rPr>
        <sz val="11"/>
        <rFont val="Arial"/>
        <family val="2"/>
      </rPr>
      <t xml:space="preserve"> *2)</t>
    </r>
    <r>
      <rPr>
        <sz val="11"/>
        <rFont val="ＭＳ Ｐゴシック"/>
        <family val="3"/>
        <charset val="128"/>
      </rPr>
      <t>／</t>
    </r>
    <phoneticPr fontId="9"/>
  </si>
  <si>
    <r>
      <rPr>
        <sz val="11"/>
        <color theme="1"/>
        <rFont val="ＭＳ Ｐゴシック"/>
        <family val="3"/>
        <charset val="128"/>
      </rPr>
      <t>六価クロム化合物</t>
    </r>
    <r>
      <rPr>
        <sz val="11"/>
        <color theme="1"/>
        <rFont val="Arial"/>
        <family val="2"/>
      </rPr>
      <t xml:space="preserve"> *2)</t>
    </r>
    <r>
      <rPr>
        <sz val="11"/>
        <color theme="1"/>
        <rFont val="ＭＳ Ｐゴシック"/>
        <family val="3"/>
        <charset val="128"/>
      </rPr>
      <t>／</t>
    </r>
    <phoneticPr fontId="9"/>
  </si>
  <si>
    <r>
      <rPr>
        <sz val="11"/>
        <color theme="1"/>
        <rFont val="ＭＳ Ｐゴシック"/>
        <family val="3"/>
        <charset val="128"/>
      </rPr>
      <t>カドミウム及びその化合物</t>
    </r>
    <r>
      <rPr>
        <sz val="11"/>
        <color theme="1"/>
        <rFont val="Arial"/>
        <family val="2"/>
      </rPr>
      <t xml:space="preserve"> *2)</t>
    </r>
    <r>
      <rPr>
        <sz val="11"/>
        <color theme="1"/>
        <rFont val="ＭＳ Ｐゴシック"/>
        <family val="3"/>
        <charset val="128"/>
      </rPr>
      <t>／</t>
    </r>
    <phoneticPr fontId="9"/>
  </si>
  <si>
    <r>
      <rPr>
        <sz val="11"/>
        <rFont val="ＭＳ Ｐゴシック"/>
        <family val="3"/>
        <charset val="128"/>
      </rPr>
      <t>鉛及びその化合物</t>
    </r>
    <r>
      <rPr>
        <sz val="11"/>
        <rFont val="Arial"/>
        <family val="2"/>
      </rPr>
      <t xml:space="preserve"> *2)</t>
    </r>
    <r>
      <rPr>
        <sz val="11"/>
        <rFont val="ＭＳ Ｐゴシック"/>
        <family val="3"/>
        <charset val="128"/>
      </rPr>
      <t>／</t>
    </r>
    <phoneticPr fontId="9"/>
  </si>
  <si>
    <r>
      <rPr>
        <sz val="11"/>
        <color theme="1"/>
        <rFont val="ＭＳ Ｐゴシック"/>
        <family val="3"/>
        <charset val="128"/>
      </rPr>
      <t>ポリ臭化ビフェニル類</t>
    </r>
    <r>
      <rPr>
        <sz val="11"/>
        <color theme="1"/>
        <rFont val="Arial"/>
        <family val="2"/>
      </rPr>
      <t xml:space="preserve"> </t>
    </r>
    <r>
      <rPr>
        <sz val="11"/>
        <color theme="1"/>
        <rFont val="ＭＳ Ｐゴシック"/>
        <family val="3"/>
        <charset val="128"/>
      </rPr>
      <t>（</t>
    </r>
    <r>
      <rPr>
        <sz val="11"/>
        <color theme="1"/>
        <rFont val="Arial"/>
        <family val="2"/>
      </rPr>
      <t>PBB</t>
    </r>
    <r>
      <rPr>
        <sz val="11"/>
        <color theme="1"/>
        <rFont val="ＭＳ Ｐゴシック"/>
        <family val="3"/>
        <charset val="128"/>
      </rPr>
      <t>類）／</t>
    </r>
    <phoneticPr fontId="9"/>
  </si>
  <si>
    <r>
      <rPr>
        <sz val="11"/>
        <color theme="1"/>
        <rFont val="ＭＳ Ｐゴシック"/>
        <family val="3"/>
        <charset val="128"/>
      </rPr>
      <t>ポリ臭化ジフェニルエーテル類（</t>
    </r>
    <r>
      <rPr>
        <sz val="11"/>
        <color theme="1"/>
        <rFont val="Arial"/>
        <family val="2"/>
      </rPr>
      <t>PBDE</t>
    </r>
    <r>
      <rPr>
        <sz val="11"/>
        <color theme="1"/>
        <rFont val="ＭＳ Ｐゴシック"/>
        <family val="3"/>
        <charset val="128"/>
      </rPr>
      <t>類）／</t>
    </r>
    <phoneticPr fontId="9"/>
  </si>
  <si>
    <r>
      <rPr>
        <sz val="11"/>
        <rFont val="ＭＳ Ｐゴシック"/>
        <family val="3"/>
        <charset val="128"/>
      </rPr>
      <t>対象</t>
    </r>
    <r>
      <rPr>
        <sz val="11"/>
        <rFont val="Arial"/>
        <family val="2"/>
      </rPr>
      <t>PAH</t>
    </r>
    <r>
      <rPr>
        <sz val="9"/>
        <rFont val="Arial"/>
        <family val="2"/>
      </rPr>
      <t xml:space="preserve"> *4)</t>
    </r>
    <r>
      <rPr>
        <sz val="11"/>
        <rFont val="Arial"/>
        <family val="2"/>
      </rPr>
      <t xml:space="preserve"> </t>
    </r>
    <r>
      <rPr>
        <sz val="11"/>
        <rFont val="ＭＳ Ｐゴシック"/>
        <family val="3"/>
        <charset val="128"/>
      </rPr>
      <t>それぞれが</t>
    </r>
    <r>
      <rPr>
        <sz val="11"/>
        <rFont val="Arial"/>
        <family val="2"/>
      </rPr>
      <t xml:space="preserve"> 1ppm</t>
    </r>
    <r>
      <rPr>
        <sz val="11"/>
        <rFont val="ＭＳ Ｐゴシック"/>
        <family val="3"/>
        <charset val="128"/>
      </rPr>
      <t>未満の含有である／</t>
    </r>
    <phoneticPr fontId="9"/>
  </si>
  <si>
    <t>6(a)-I</t>
    <phoneticPr fontId="9"/>
  </si>
  <si>
    <t>6(b)-II</t>
    <phoneticPr fontId="9"/>
  </si>
  <si>
    <t>7(c)-I</t>
    <phoneticPr fontId="9"/>
  </si>
  <si>
    <t>13(a)</t>
    <phoneticPr fontId="9"/>
  </si>
  <si>
    <t>7(c)-II</t>
    <phoneticPr fontId="9"/>
  </si>
  <si>
    <r>
      <rPr>
        <sz val="11"/>
        <rFont val="ＭＳ Ｐゴシック"/>
        <family val="3"/>
        <charset val="128"/>
      </rPr>
      <t>「子供（</t>
    </r>
    <r>
      <rPr>
        <sz val="11"/>
        <rFont val="Arial"/>
        <family val="2"/>
      </rPr>
      <t>12</t>
    </r>
    <r>
      <rPr>
        <sz val="11"/>
        <rFont val="ＭＳ Ｐゴシック"/>
        <family val="3"/>
        <charset val="128"/>
      </rPr>
      <t>歳以下）向け製品」および「繊維等で覆われた家庭用家具」に使用されている／</t>
    </r>
    <phoneticPr fontId="9"/>
  </si>
  <si>
    <r>
      <rPr>
        <sz val="10"/>
        <rFont val="ＭＳ Ｐゴシック"/>
        <family val="3"/>
        <charset val="128"/>
      </rPr>
      <t>米国バーモント州</t>
    </r>
    <r>
      <rPr>
        <sz val="10"/>
        <rFont val="Arial"/>
        <family val="2"/>
      </rPr>
      <t>Act85</t>
    </r>
    <r>
      <rPr>
        <sz val="10"/>
        <color rgb="FFFF0000"/>
        <rFont val="ＭＳ Ｐゴシック"/>
        <family val="3"/>
        <charset val="128"/>
      </rPr>
      <t/>
    </r>
    <rPh sb="0" eb="2">
      <t>ベイコク</t>
    </rPh>
    <rPh sb="7" eb="8">
      <t>シュウ</t>
    </rPh>
    <phoneticPr fontId="9"/>
  </si>
  <si>
    <t>The four types of phthalates (DEHP, BBP, DBP, DIBP) are mainly used as plasticizers for soft resins, and have the property of being transferred from other products by contact (migration).
Since there is a possibility of transfer from packaging to parts and materials, please report the substances containing in the packaging with the same standard (threshold).</t>
    <phoneticPr fontId="9"/>
  </si>
  <si>
    <t>Used in motor vehicles or replacement parts or replacement equipment for motor vehicles.</t>
    <phoneticPr fontId="9"/>
  </si>
  <si>
    <t>Used in commercial or residential building insulation or wiring that otherwise complies with the Construction Codes Supplement, set forth in Title 12 of the District of Columbia Municipal Regulations</t>
    <phoneticPr fontId="9"/>
  </si>
  <si>
    <t>Used in desktop and laptop computers, audio and video equipment, calculators, wireless telephones, game consoles, handheld devices incorporating a screen that are used to access interactive software and their associated peripherals, and cables, adaptors, and other similar connecting devices; or.</t>
    <phoneticPr fontId="9"/>
  </si>
  <si>
    <t>Used in storage media, such as compact discs, for interactive software, such as computer games.</t>
    <phoneticPr fontId="9"/>
  </si>
  <si>
    <r>
      <t>A2-</t>
    </r>
    <r>
      <rPr>
        <b/>
        <sz val="12"/>
        <color theme="1"/>
        <rFont val="ＭＳ Ｐゴシック"/>
        <family val="3"/>
        <charset val="128"/>
      </rPr>
      <t>別表／</t>
    </r>
    <r>
      <rPr>
        <b/>
        <sz val="9"/>
        <color theme="1"/>
        <rFont val="Arial"/>
        <family val="2"/>
      </rPr>
      <t>A2-Appendix</t>
    </r>
    <phoneticPr fontId="9"/>
  </si>
  <si>
    <r>
      <rPr>
        <sz val="11"/>
        <color theme="1"/>
        <rFont val="ＭＳ Ｐゴシック"/>
        <family val="3"/>
        <charset val="128"/>
      </rPr>
      <t>カドミウム及びその化合物／</t>
    </r>
    <r>
      <rPr>
        <sz val="11"/>
        <color theme="1"/>
        <rFont val="Arial"/>
        <family val="2"/>
      </rPr>
      <t>Cadmium and its compound</t>
    </r>
    <phoneticPr fontId="9"/>
  </si>
  <si>
    <r>
      <t xml:space="preserve">(d) </t>
    </r>
    <r>
      <rPr>
        <sz val="11"/>
        <rFont val="ＭＳ Ｐゴシック"/>
        <family val="3"/>
        <charset val="128"/>
      </rPr>
      <t>下記定格の</t>
    </r>
    <r>
      <rPr>
        <sz val="11"/>
        <rFont val="Arial"/>
        <family val="2"/>
      </rPr>
      <t>AC</t>
    </r>
    <r>
      <rPr>
        <sz val="11"/>
        <rFont val="ＭＳ Ｐゴシック"/>
        <family val="3"/>
        <charset val="128"/>
      </rPr>
      <t>スイッチ／</t>
    </r>
    <r>
      <rPr>
        <sz val="11"/>
        <rFont val="Arial"/>
        <family val="2"/>
      </rPr>
      <t>AC switches rated at
    AC 250V</t>
    </r>
    <r>
      <rPr>
        <sz val="11"/>
        <rFont val="ＭＳ Ｐゴシック"/>
        <family val="3"/>
        <charset val="128"/>
      </rPr>
      <t>以上において</t>
    </r>
    <r>
      <rPr>
        <sz val="11"/>
        <rFont val="Arial"/>
        <family val="2"/>
      </rPr>
      <t>6A</t>
    </r>
    <r>
      <rPr>
        <sz val="11"/>
        <rFont val="ＭＳ Ｐゴシック"/>
        <family val="3"/>
        <charset val="128"/>
      </rPr>
      <t>以上、または</t>
    </r>
    <r>
      <rPr>
        <sz val="11"/>
        <rFont val="Arial"/>
        <family val="2"/>
      </rPr>
      <t>AC125V</t>
    </r>
    <r>
      <rPr>
        <sz val="11"/>
        <rFont val="ＭＳ Ｐゴシック"/>
        <family val="3"/>
        <charset val="128"/>
      </rPr>
      <t>以上において</t>
    </r>
    <r>
      <rPr>
        <sz val="11"/>
        <rFont val="Arial"/>
        <family val="2"/>
      </rPr>
      <t>12A</t>
    </r>
    <r>
      <rPr>
        <sz val="11"/>
        <rFont val="ＭＳ Ｐゴシック"/>
        <family val="3"/>
        <charset val="128"/>
      </rPr>
      <t xml:space="preserve">以上／
</t>
    </r>
    <r>
      <rPr>
        <sz val="11"/>
        <rFont val="Arial"/>
        <family val="2"/>
      </rPr>
      <t xml:space="preserve">    </t>
    </r>
    <r>
      <rPr>
        <sz val="9"/>
        <rFont val="Arial"/>
        <family val="2"/>
      </rPr>
      <t>6A and more at 250V AC and more, or 12A and more at 125V AC and more</t>
    </r>
    <phoneticPr fontId="9"/>
  </si>
  <si>
    <r>
      <t>(f) 200Hz</t>
    </r>
    <r>
      <rPr>
        <sz val="11"/>
        <rFont val="ＭＳ Ｐゴシック"/>
        <family val="3"/>
        <charset val="128"/>
      </rPr>
      <t xml:space="preserve">以上の電圧源周波数において使用するスイッチ／
</t>
    </r>
    <r>
      <rPr>
        <sz val="11"/>
        <rFont val="Arial"/>
        <family val="2"/>
      </rPr>
      <t xml:space="preserve">    </t>
    </r>
    <r>
      <rPr>
        <sz val="9"/>
        <rFont val="Arial"/>
        <family val="2"/>
      </rPr>
      <t xml:space="preserve">Switches for use at voltage supply frequency </t>
    </r>
    <r>
      <rPr>
        <sz val="9"/>
        <rFont val="ＭＳ Ｐゴシック"/>
        <family val="3"/>
        <charset val="128"/>
      </rPr>
      <t>≥</t>
    </r>
    <r>
      <rPr>
        <sz val="9"/>
        <rFont val="Arial"/>
        <family val="2"/>
      </rPr>
      <t xml:space="preserve"> 200 Hz</t>
    </r>
    <phoneticPr fontId="9"/>
  </si>
  <si>
    <r>
      <rPr>
        <sz val="11"/>
        <color theme="1"/>
        <rFont val="ＭＳ Ｐゴシック"/>
        <family val="3"/>
        <charset val="128"/>
      </rPr>
      <t>鉛及びその化合物／</t>
    </r>
    <r>
      <rPr>
        <sz val="11"/>
        <color theme="1"/>
        <rFont val="Arial"/>
        <family val="2"/>
      </rPr>
      <t>Lead and its compound</t>
    </r>
    <phoneticPr fontId="9"/>
  </si>
  <si>
    <r>
      <rPr>
        <sz val="11"/>
        <color theme="1"/>
        <rFont val="ＭＳ Ｐゴシック"/>
        <family val="3"/>
        <charset val="128"/>
      </rPr>
      <t>おもちゃ用途の部品・材料で、塗装などの表面処理層単位当たり</t>
    </r>
    <r>
      <rPr>
        <sz val="11"/>
        <color theme="1"/>
        <rFont val="Arial"/>
        <family val="2"/>
      </rPr>
      <t>0.009%</t>
    </r>
    <r>
      <rPr>
        <sz val="11"/>
        <color theme="1"/>
        <rFont val="ＭＳ Ｐゴシック"/>
        <family val="3"/>
        <charset val="128"/>
      </rPr>
      <t>以上使用されている／</t>
    </r>
    <phoneticPr fontId="9"/>
  </si>
  <si>
    <r>
      <rPr>
        <sz val="11"/>
        <rFont val="ＭＳ Ｐゴシック"/>
        <family val="3"/>
        <charset val="128"/>
      </rPr>
      <t>フタル酸ジ（</t>
    </r>
    <r>
      <rPr>
        <sz val="11"/>
        <rFont val="Arial"/>
        <family val="2"/>
      </rPr>
      <t>2-</t>
    </r>
    <r>
      <rPr>
        <sz val="11"/>
        <rFont val="ＭＳ Ｐゴシック"/>
        <family val="3"/>
        <charset val="128"/>
      </rPr>
      <t>エチルヘキシル）（</t>
    </r>
    <r>
      <rPr>
        <sz val="11"/>
        <rFont val="Arial"/>
        <family val="2"/>
      </rPr>
      <t>DEHP</t>
    </r>
    <r>
      <rPr>
        <sz val="11"/>
        <rFont val="ＭＳ Ｐゴシック"/>
        <family val="3"/>
        <charset val="128"/>
      </rPr>
      <t>）、フタル酸ジブチル（</t>
    </r>
    <r>
      <rPr>
        <sz val="11"/>
        <rFont val="Arial"/>
        <family val="2"/>
      </rPr>
      <t>DBP</t>
    </r>
    <r>
      <rPr>
        <sz val="11"/>
        <rFont val="ＭＳ Ｐゴシック"/>
        <family val="3"/>
        <charset val="128"/>
      </rPr>
      <t>）、フタル酸ブチルベンジル（</t>
    </r>
    <r>
      <rPr>
        <sz val="11"/>
        <rFont val="Arial"/>
        <family val="2"/>
      </rPr>
      <t>BBP</t>
    </r>
    <r>
      <rPr>
        <sz val="11"/>
        <rFont val="ＭＳ Ｐゴシック"/>
        <family val="3"/>
        <charset val="128"/>
      </rPr>
      <t>）、フタル酸ジイソブチル（</t>
    </r>
    <r>
      <rPr>
        <sz val="11"/>
        <rFont val="Arial"/>
        <family val="2"/>
      </rPr>
      <t>DIBP</t>
    </r>
    <r>
      <rPr>
        <sz val="11"/>
        <rFont val="ＭＳ Ｐゴシック"/>
        <family val="3"/>
        <charset val="128"/>
      </rPr>
      <t>）／</t>
    </r>
    <phoneticPr fontId="9"/>
  </si>
  <si>
    <t>Bis(2-ethylhexyl)phthalate (DEHP), Dibutyl phthalate (DBP), Bis(butylbenzyl) phthalate (BBP), Diisobutyl phthalate (DIBP) *3)</t>
    <phoneticPr fontId="9"/>
  </si>
  <si>
    <r>
      <rPr>
        <sz val="11"/>
        <rFont val="ＭＳ Ｐゴシック"/>
        <family val="3"/>
        <charset val="128"/>
      </rPr>
      <t>意図的に添加せず、かつ物質・混合物は</t>
    </r>
    <r>
      <rPr>
        <sz val="11"/>
        <rFont val="Arial"/>
        <family val="2"/>
      </rPr>
      <t>10ppm</t>
    </r>
    <r>
      <rPr>
        <sz val="11"/>
        <rFont val="ＭＳ Ｐゴシック"/>
        <family val="3"/>
        <charset val="128"/>
      </rPr>
      <t>以下、物質・混合物以外の半製品・成形品等は</t>
    </r>
    <r>
      <rPr>
        <sz val="11"/>
        <rFont val="Arial"/>
        <family val="2"/>
      </rPr>
      <t>1000ppm</t>
    </r>
    <r>
      <rPr>
        <sz val="11"/>
        <rFont val="ＭＳ Ｐゴシック"/>
        <family val="3"/>
        <charset val="128"/>
      </rPr>
      <t>以下、</t>
    </r>
    <r>
      <rPr>
        <sz val="11"/>
        <rFont val="Arial"/>
        <family val="2"/>
      </rPr>
      <t xml:space="preserve"> </t>
    </r>
    <r>
      <rPr>
        <sz val="11"/>
        <rFont val="ＭＳ Ｐゴシック"/>
        <family val="3"/>
        <charset val="128"/>
      </rPr>
      <t>被覆材は</t>
    </r>
    <r>
      <rPr>
        <sz val="11"/>
        <rFont val="Arial"/>
        <family val="2"/>
      </rPr>
      <t>1μg</t>
    </r>
    <r>
      <rPr>
        <sz val="11"/>
        <rFont val="ＭＳ Ｐゴシック"/>
        <family val="3"/>
        <charset val="128"/>
      </rPr>
      <t>／</t>
    </r>
    <r>
      <rPr>
        <sz val="11"/>
        <rFont val="Arial"/>
        <family val="2"/>
      </rPr>
      <t>m</t>
    </r>
    <r>
      <rPr>
        <vertAlign val="superscript"/>
        <sz val="11"/>
        <rFont val="Arial"/>
        <family val="2"/>
      </rPr>
      <t>2</t>
    </r>
    <r>
      <rPr>
        <sz val="11"/>
        <rFont val="ＭＳ Ｐゴシック"/>
        <family val="3"/>
        <charset val="128"/>
      </rPr>
      <t>以下の含有である／</t>
    </r>
    <rPh sb="14" eb="17">
      <t>コンゴウブツ</t>
    </rPh>
    <rPh sb="29" eb="32">
      <t>コンゴウブツ</t>
    </rPh>
    <phoneticPr fontId="9"/>
  </si>
  <si>
    <r>
      <rPr>
        <sz val="11"/>
        <rFont val="ＭＳ Ｐゴシック"/>
        <family val="3"/>
        <charset val="128"/>
      </rPr>
      <t>ストライキング光学フィルターガラスに使用されている。ただし、</t>
    </r>
    <r>
      <rPr>
        <sz val="11"/>
        <rFont val="Arial"/>
        <family val="2"/>
      </rPr>
      <t>EU RoHS</t>
    </r>
    <r>
      <rPr>
        <sz val="11"/>
        <rFont val="ＭＳ Ｐゴシック"/>
        <family val="3"/>
        <charset val="128"/>
      </rPr>
      <t>指令</t>
    </r>
    <r>
      <rPr>
        <sz val="11"/>
        <rFont val="Arial"/>
        <family val="2"/>
      </rPr>
      <t xml:space="preserve"> </t>
    </r>
    <r>
      <rPr>
        <sz val="11"/>
        <rFont val="ＭＳ Ｐゴシック"/>
        <family val="3"/>
        <charset val="128"/>
      </rPr>
      <t>附属書</t>
    </r>
    <r>
      <rPr>
        <sz val="11"/>
        <rFont val="Arial"/>
        <family val="2"/>
      </rPr>
      <t>III</t>
    </r>
    <r>
      <rPr>
        <sz val="11"/>
        <rFont val="ＭＳ Ｐゴシック"/>
        <family val="3"/>
        <charset val="128"/>
      </rPr>
      <t>の</t>
    </r>
    <r>
      <rPr>
        <sz val="11"/>
        <rFont val="Arial"/>
        <family val="2"/>
      </rPr>
      <t>39</t>
    </r>
    <r>
      <rPr>
        <sz val="11"/>
        <rFont val="ＭＳ Ｐゴシック"/>
        <family val="3"/>
        <charset val="128"/>
      </rPr>
      <t>項目に該当する用途は除く</t>
    </r>
    <r>
      <rPr>
        <sz val="11"/>
        <rFont val="Arial"/>
        <family val="2"/>
      </rPr>
      <t xml:space="preserve"> </t>
    </r>
    <r>
      <rPr>
        <sz val="11"/>
        <rFont val="ＭＳ Ｐゴシック"/>
        <family val="3"/>
        <charset val="128"/>
      </rPr>
      <t>［</t>
    </r>
    <r>
      <rPr>
        <sz val="11"/>
        <rFont val="Arial"/>
        <family val="2"/>
      </rPr>
      <t>EU</t>
    </r>
    <r>
      <rPr>
        <sz val="11"/>
        <rFont val="ＭＳ Ｐゴシック"/>
        <family val="3"/>
        <charset val="128"/>
      </rPr>
      <t>適用除外更新審議中］</t>
    </r>
    <r>
      <rPr>
        <sz val="11"/>
        <rFont val="Arial"/>
        <family val="2"/>
      </rPr>
      <t>*2</t>
    </r>
    <r>
      <rPr>
        <sz val="11"/>
        <rFont val="ＭＳ Ｐゴシック"/>
        <family val="3"/>
        <charset val="128"/>
      </rPr>
      <t>／</t>
    </r>
    <rPh sb="18" eb="20">
      <t>シヨウ</t>
    </rPh>
    <phoneticPr fontId="9"/>
  </si>
  <si>
    <t>Used in striking optical filter glass types, excluding applications falling under point 39 of EU RoHS directive annex III [Under deliberation for exemption renewal in EU]*2</t>
    <phoneticPr fontId="9"/>
  </si>
  <si>
    <t>Used in white glass used for an optical purpose [Under deliberation for exemption renewal in EU]*2</t>
    <phoneticPr fontId="9"/>
  </si>
  <si>
    <t>Used in high-melting point solder (lead-based alloys containing 85 % by weight or more lead) [Under deliberation for exemption renewal in EU]*2</t>
    <phoneticPr fontId="9"/>
  </si>
  <si>
    <t>Used in electrical and electronic components in a glass or ceramic other than dielectric ceramic in capacitors, e.g. piezoelectronic devices, or in a glass or ceramic matrix compound [Under deliberation for exemption renewal in EU]*2</t>
    <phoneticPr fontId="9"/>
  </si>
  <si>
    <t>Used less than 0.2% by weight in glass of fluorescent tubes. [Under deliberation for exemption renewal in EU]*2</t>
    <phoneticPr fontId="9"/>
  </si>
  <si>
    <t>Used in white glass used for an optical purpose [Under deliberation for exemption renewal in EU]*2</t>
    <phoneticPr fontId="9"/>
  </si>
  <si>
    <t>Used in ion coloured optical filter glass types [Under deliberation for exemption renewal in EU]*2</t>
    <phoneticPr fontId="9"/>
  </si>
  <si>
    <t>Used in glazes used for reflectance standards [Under deliberation for exemption renewal in EU]*2</t>
    <phoneticPr fontId="9"/>
  </si>
  <si>
    <t>Used in dielectric ceramic used in a capacitor with rated voltage of 125V AC or 250V DC or larger [Under deliberation for exemption renewal in EU]*2</t>
    <phoneticPr fontId="9"/>
  </si>
  <si>
    <t>Used in other discharge lamps for special purposes specified in of EU RoHS directive Annex III 4(f) (2011/65/EU). [Under deliberation for exemption renewal in EU]*2</t>
    <phoneticPr fontId="9"/>
  </si>
  <si>
    <r>
      <rPr>
        <sz val="11"/>
        <rFont val="ＭＳ Ｐゴシック"/>
        <family val="3"/>
        <charset val="128"/>
      </rPr>
      <t>上記以外の</t>
    </r>
    <r>
      <rPr>
        <sz val="11"/>
        <rFont val="Arial"/>
        <family val="2"/>
      </rPr>
      <t>EU POPs</t>
    </r>
    <r>
      <rPr>
        <sz val="11"/>
        <rFont val="ＭＳ Ｐゴシック"/>
        <family val="3"/>
        <charset val="128"/>
      </rPr>
      <t>規則</t>
    </r>
    <r>
      <rPr>
        <sz val="11"/>
        <rFont val="Arial"/>
        <family val="2"/>
      </rPr>
      <t xml:space="preserve"> </t>
    </r>
    <r>
      <rPr>
        <sz val="11"/>
        <rFont val="ＭＳ Ｐゴシック"/>
        <family val="3"/>
        <charset val="128"/>
      </rPr>
      <t>附属書</t>
    </r>
    <r>
      <rPr>
        <sz val="11"/>
        <rFont val="Arial"/>
        <family val="2"/>
      </rPr>
      <t>I Part A</t>
    </r>
    <r>
      <rPr>
        <sz val="11"/>
        <rFont val="ＭＳ Ｐゴシック"/>
        <family val="3"/>
        <charset val="128"/>
      </rPr>
      <t>で定められた適用除外用途に使用されており、採用部門の許可を得ている／</t>
    </r>
    <rPh sb="27" eb="28">
      <t>サダ</t>
    </rPh>
    <rPh sb="32" eb="34">
      <t>テキヨウ</t>
    </rPh>
    <phoneticPr fontId="9"/>
  </si>
  <si>
    <r>
      <rPr>
        <sz val="10"/>
        <rFont val="ＭＳ Ｐゴシック"/>
        <family val="3"/>
        <charset val="128"/>
      </rPr>
      <t>化審法、</t>
    </r>
    <r>
      <rPr>
        <sz val="10"/>
        <rFont val="Arial"/>
        <family val="2"/>
      </rPr>
      <t>EU REACH</t>
    </r>
    <r>
      <rPr>
        <sz val="10"/>
        <rFont val="ＭＳ Ｐゴシック"/>
        <family val="3"/>
        <charset val="128"/>
      </rPr>
      <t>規則</t>
    </r>
    <r>
      <rPr>
        <sz val="10"/>
        <rFont val="Arial"/>
        <family val="2"/>
      </rPr>
      <t xml:space="preserve"> </t>
    </r>
    <r>
      <rPr>
        <sz val="10"/>
        <rFont val="ＭＳ Ｐゴシック"/>
        <family val="3"/>
        <charset val="128"/>
      </rPr>
      <t>附属書</t>
    </r>
    <r>
      <rPr>
        <sz val="10"/>
        <rFont val="Arial"/>
        <family val="2"/>
      </rPr>
      <t>XVII</t>
    </r>
    <phoneticPr fontId="9"/>
  </si>
  <si>
    <r>
      <rPr>
        <sz val="10"/>
        <rFont val="ＭＳ Ｐゴシック"/>
        <family val="3"/>
        <charset val="128"/>
      </rPr>
      <t>リン酸トリス（</t>
    </r>
    <r>
      <rPr>
        <sz val="10"/>
        <rFont val="Arial"/>
        <family val="2"/>
      </rPr>
      <t>1-</t>
    </r>
    <r>
      <rPr>
        <sz val="10"/>
        <rFont val="ＭＳ Ｐゴシック"/>
        <family val="3"/>
        <charset val="128"/>
      </rPr>
      <t>メチル</t>
    </r>
    <r>
      <rPr>
        <sz val="10"/>
        <rFont val="Arial"/>
        <family val="2"/>
      </rPr>
      <t>-2-</t>
    </r>
    <r>
      <rPr>
        <sz val="10"/>
        <rFont val="ＭＳ Ｐゴシック"/>
        <family val="3"/>
        <charset val="128"/>
      </rPr>
      <t>クロロエチル）（</t>
    </r>
    <r>
      <rPr>
        <sz val="10"/>
        <rFont val="Arial"/>
        <family val="2"/>
      </rPr>
      <t>TCPP</t>
    </r>
    <r>
      <rPr>
        <sz val="10"/>
        <rFont val="ＭＳ Ｐゴシック"/>
        <family val="3"/>
        <charset val="128"/>
      </rPr>
      <t>）</t>
    </r>
    <phoneticPr fontId="9"/>
  </si>
  <si>
    <r>
      <t>B2-</t>
    </r>
    <r>
      <rPr>
        <b/>
        <sz val="12"/>
        <color theme="1"/>
        <rFont val="ＭＳ Ｐゴシック"/>
        <family val="3"/>
        <charset val="128"/>
      </rPr>
      <t>別表／</t>
    </r>
    <r>
      <rPr>
        <b/>
        <sz val="9"/>
        <color theme="1"/>
        <rFont val="Arial"/>
        <family val="2"/>
      </rPr>
      <t>B2-Appendix</t>
    </r>
    <phoneticPr fontId="9"/>
  </si>
  <si>
    <r>
      <t xml:space="preserve">(b) </t>
    </r>
    <r>
      <rPr>
        <sz val="11"/>
        <color theme="1"/>
        <rFont val="ＭＳ Ｐゴシック"/>
        <family val="3"/>
        <charset val="128"/>
      </rPr>
      <t>セラミックに／</t>
    </r>
    <r>
      <rPr>
        <sz val="9"/>
        <color theme="1"/>
        <rFont val="Arial"/>
        <family val="2"/>
      </rPr>
      <t>Ceramics</t>
    </r>
    <phoneticPr fontId="9"/>
  </si>
  <si>
    <r>
      <t xml:space="preserve">(c) </t>
    </r>
    <r>
      <rPr>
        <sz val="11"/>
        <color theme="1"/>
        <rFont val="ＭＳ Ｐゴシック"/>
        <family val="3"/>
        <charset val="128"/>
      </rPr>
      <t>ガラスに／</t>
    </r>
    <r>
      <rPr>
        <sz val="9"/>
        <color theme="1"/>
        <rFont val="Arial"/>
        <family val="2"/>
      </rPr>
      <t>Glass</t>
    </r>
    <phoneticPr fontId="9"/>
  </si>
  <si>
    <r>
      <rPr>
        <sz val="11"/>
        <color theme="1"/>
        <rFont val="ＭＳ Ｐゴシック"/>
        <family val="3"/>
        <charset val="128"/>
      </rPr>
      <t>人体に持続的に触れられることを前提に作られた製品（例：電気カーペット・イヤホン・ストラップ等）の人体接触部分で、分解により発がん性アミンが</t>
    </r>
    <r>
      <rPr>
        <sz val="11"/>
        <color theme="1"/>
        <rFont val="Arial"/>
        <family val="2"/>
      </rPr>
      <t>30ppm</t>
    </r>
    <r>
      <rPr>
        <sz val="11"/>
        <color theme="1"/>
        <rFont val="ＭＳ Ｐゴシック"/>
        <family val="3"/>
        <charset val="128"/>
      </rPr>
      <t>を超えて発生する可能性があるもの／</t>
    </r>
    <phoneticPr fontId="9"/>
  </si>
  <si>
    <r>
      <rPr>
        <sz val="11"/>
        <color theme="1"/>
        <rFont val="ＭＳ Ｐゴシック"/>
        <family val="3"/>
        <charset val="128"/>
      </rPr>
      <t>上記（</t>
    </r>
    <r>
      <rPr>
        <sz val="11"/>
        <color theme="1"/>
        <rFont val="Arial"/>
        <family val="2"/>
      </rPr>
      <t>1</t>
    </r>
    <r>
      <rPr>
        <sz val="11"/>
        <color theme="1"/>
        <rFont val="ＭＳ Ｐゴシック"/>
        <family val="3"/>
        <charset val="128"/>
      </rPr>
      <t>）以外のものに使用されている（人体に持続的に触れない部位に使用するもの）／</t>
    </r>
    <phoneticPr fontId="9"/>
  </si>
  <si>
    <r>
      <rPr>
        <sz val="11"/>
        <color theme="1"/>
        <rFont val="ＭＳ Ｐゴシック"/>
        <family val="3"/>
        <charset val="128"/>
      </rPr>
      <t>ポリ塩化ビニル及びそのコポリマー／</t>
    </r>
    <r>
      <rPr>
        <sz val="9"/>
        <color theme="1"/>
        <rFont val="Arial"/>
        <family val="2"/>
      </rPr>
      <t>Polyvinyl Chloride and its copolymer</t>
    </r>
    <phoneticPr fontId="9"/>
  </si>
  <si>
    <r>
      <rPr>
        <sz val="11"/>
        <color theme="1"/>
        <rFont val="ＭＳ Ｐゴシック"/>
        <family val="3"/>
        <charset val="128"/>
      </rPr>
      <t>上記（</t>
    </r>
    <r>
      <rPr>
        <sz val="11"/>
        <color theme="1"/>
        <rFont val="Arial"/>
        <family val="2"/>
      </rPr>
      <t>1</t>
    </r>
    <r>
      <rPr>
        <sz val="11"/>
        <color theme="1"/>
        <rFont val="ＭＳ Ｐゴシック"/>
        <family val="3"/>
        <charset val="128"/>
      </rPr>
      <t>）以外のものに使用されている／</t>
    </r>
    <phoneticPr fontId="9"/>
  </si>
  <si>
    <r>
      <rPr>
        <sz val="11"/>
        <rFont val="ＭＳ Ｐゴシック"/>
        <family val="3"/>
        <charset val="128"/>
      </rPr>
      <t>子供の口に入る玩具または育児製品に使用される部品・材料に、フタル酸ジイソニル：</t>
    </r>
    <r>
      <rPr>
        <sz val="11"/>
        <rFont val="Arial"/>
        <family val="2"/>
      </rPr>
      <t>DINP</t>
    </r>
    <r>
      <rPr>
        <sz val="11"/>
        <rFont val="ＭＳ Ｐゴシック"/>
        <family val="3"/>
        <charset val="128"/>
      </rPr>
      <t>、フタル酸ジイソデシル：</t>
    </r>
    <r>
      <rPr>
        <sz val="11"/>
        <rFont val="Arial"/>
        <family val="2"/>
      </rPr>
      <t>DIDP</t>
    </r>
    <r>
      <rPr>
        <sz val="11"/>
        <rFont val="ＭＳ Ｐゴシック"/>
        <family val="3"/>
        <charset val="128"/>
      </rPr>
      <t>、フタル酸ジ</t>
    </r>
    <r>
      <rPr>
        <sz val="11"/>
        <rFont val="Arial"/>
        <family val="2"/>
      </rPr>
      <t>-n-</t>
    </r>
    <r>
      <rPr>
        <sz val="11"/>
        <rFont val="ＭＳ Ｐゴシック"/>
        <family val="3"/>
        <charset val="128"/>
      </rPr>
      <t>オクチル：</t>
    </r>
    <r>
      <rPr>
        <sz val="11"/>
        <rFont val="Arial"/>
        <family val="2"/>
      </rPr>
      <t>DNOP</t>
    </r>
    <r>
      <rPr>
        <sz val="11"/>
        <rFont val="ＭＳ Ｐゴシック"/>
        <family val="3"/>
        <charset val="128"/>
      </rPr>
      <t>が使用されている（合計で</t>
    </r>
    <r>
      <rPr>
        <sz val="11"/>
        <rFont val="Arial"/>
        <family val="2"/>
      </rPr>
      <t>1000ppm</t>
    </r>
    <r>
      <rPr>
        <sz val="11"/>
        <rFont val="ＭＳ Ｐゴシック"/>
        <family val="3"/>
        <charset val="128"/>
      </rPr>
      <t>超）／</t>
    </r>
    <phoneticPr fontId="9"/>
  </si>
  <si>
    <r>
      <rPr>
        <sz val="11"/>
        <color theme="1"/>
        <rFont val="ＭＳ Ｐゴシック"/>
        <family val="3"/>
        <charset val="128"/>
      </rPr>
      <t>放射性物質／</t>
    </r>
    <r>
      <rPr>
        <sz val="9"/>
        <color theme="1"/>
        <rFont val="Arial"/>
        <family val="2"/>
      </rPr>
      <t>Radioactive substances</t>
    </r>
    <phoneticPr fontId="9"/>
  </si>
  <si>
    <r>
      <rPr>
        <sz val="11"/>
        <color theme="1"/>
        <rFont val="ＭＳ Ｐゴシック"/>
        <family val="3"/>
        <charset val="128"/>
      </rPr>
      <t>液晶プロジェクターの電球にクリプトン</t>
    </r>
    <r>
      <rPr>
        <sz val="11"/>
        <color theme="1"/>
        <rFont val="Arial"/>
        <family val="2"/>
      </rPr>
      <t>85</t>
    </r>
    <r>
      <rPr>
        <sz val="11"/>
        <color theme="1"/>
        <rFont val="ＭＳ Ｐゴシック"/>
        <family val="3"/>
        <charset val="128"/>
      </rPr>
      <t>が使用されている／</t>
    </r>
    <phoneticPr fontId="9"/>
  </si>
  <si>
    <r>
      <rPr>
        <sz val="11"/>
        <color theme="1"/>
        <rFont val="ＭＳ Ｐゴシック"/>
        <family val="3"/>
        <charset val="128"/>
      </rPr>
      <t>パーフルオロオクタンスルホン酸塩（</t>
    </r>
    <r>
      <rPr>
        <sz val="11"/>
        <color theme="1"/>
        <rFont val="Arial"/>
        <family val="2"/>
      </rPr>
      <t>PFOS</t>
    </r>
    <r>
      <rPr>
        <sz val="11"/>
        <color theme="1"/>
        <rFont val="ＭＳ Ｐゴシック"/>
        <family val="3"/>
        <charset val="128"/>
      </rPr>
      <t>）／</t>
    </r>
    <r>
      <rPr>
        <sz val="9"/>
        <color theme="1"/>
        <rFont val="Arial"/>
        <family val="2"/>
      </rPr>
      <t>Perfluorooctane sulfonate (PFOSs)</t>
    </r>
    <phoneticPr fontId="9"/>
  </si>
  <si>
    <r>
      <rPr>
        <sz val="11"/>
        <color theme="1"/>
        <rFont val="ＭＳ Ｐゴシック"/>
        <family val="3"/>
        <charset val="128"/>
      </rPr>
      <t>非装飾用の硬質クロム（</t>
    </r>
    <r>
      <rPr>
        <sz val="11"/>
        <color theme="1"/>
        <rFont val="Arial"/>
        <family val="2"/>
      </rPr>
      <t>VI</t>
    </r>
    <r>
      <rPr>
        <sz val="11"/>
        <color theme="1"/>
        <rFont val="ＭＳ Ｐゴシック"/>
        <family val="3"/>
        <charset val="128"/>
      </rPr>
      <t>）めっき用ミスト防止剤、及びめっき用の装置で用いる湿潤剤として使用されている／</t>
    </r>
    <phoneticPr fontId="9"/>
  </si>
  <si>
    <r>
      <rPr>
        <sz val="11"/>
        <color theme="1"/>
        <rFont val="ＭＳ Ｐゴシック"/>
        <family val="3"/>
        <charset val="128"/>
      </rPr>
      <t>フッ素系温室効果ガス（</t>
    </r>
    <r>
      <rPr>
        <sz val="11"/>
        <color theme="1"/>
        <rFont val="Arial"/>
        <family val="2"/>
      </rPr>
      <t>HFC/PFC/SF6</t>
    </r>
    <r>
      <rPr>
        <sz val="11"/>
        <color theme="1"/>
        <rFont val="ＭＳ Ｐゴシック"/>
        <family val="3"/>
        <charset val="128"/>
      </rPr>
      <t>）／</t>
    </r>
    <r>
      <rPr>
        <sz val="9"/>
        <color theme="1"/>
        <rFont val="Arial"/>
        <family val="2"/>
      </rPr>
      <t>Fluorinated greenhouse gases (HFC, PFC, SF6)</t>
    </r>
    <phoneticPr fontId="9"/>
  </si>
  <si>
    <r>
      <rPr>
        <sz val="11"/>
        <color theme="1"/>
        <rFont val="ＭＳ Ｐゴシック"/>
        <family val="3"/>
        <charset val="128"/>
      </rPr>
      <t>下記（</t>
    </r>
    <r>
      <rPr>
        <sz val="11"/>
        <color theme="1"/>
        <rFont val="Arial"/>
        <family val="2"/>
      </rPr>
      <t>2</t>
    </r>
    <r>
      <rPr>
        <sz val="11"/>
        <color theme="1"/>
        <rFont val="ＭＳ Ｐゴシック"/>
        <family val="3"/>
        <charset val="128"/>
      </rPr>
      <t>）以外のものに使用されている／</t>
    </r>
    <phoneticPr fontId="9"/>
  </si>
  <si>
    <r>
      <rPr>
        <sz val="11"/>
        <color theme="1"/>
        <rFont val="ＭＳ Ｐゴシック"/>
        <family val="3"/>
        <charset val="128"/>
      </rPr>
      <t>冷媒・断熱材として</t>
    </r>
    <r>
      <rPr>
        <sz val="11"/>
        <color theme="1"/>
        <rFont val="Arial"/>
        <family val="2"/>
      </rPr>
      <t>HFC</t>
    </r>
    <r>
      <rPr>
        <sz val="11"/>
        <color theme="1"/>
        <rFont val="ＭＳ Ｐゴシック"/>
        <family val="3"/>
        <charset val="128"/>
      </rPr>
      <t>が使用されている／</t>
    </r>
    <phoneticPr fontId="9"/>
  </si>
  <si>
    <r>
      <rPr>
        <sz val="11"/>
        <color theme="1"/>
        <rFont val="ＭＳ Ｐゴシック"/>
        <family val="3"/>
        <charset val="128"/>
      </rPr>
      <t>ホルムアルデヒド／</t>
    </r>
    <r>
      <rPr>
        <sz val="9"/>
        <color theme="1"/>
        <rFont val="Arial"/>
        <family val="2"/>
      </rPr>
      <t>Formaldehyde</t>
    </r>
    <phoneticPr fontId="9"/>
  </si>
  <si>
    <r>
      <rPr>
        <sz val="11"/>
        <color theme="1"/>
        <rFont val="ＭＳ Ｐゴシック"/>
        <family val="3"/>
        <charset val="128"/>
      </rPr>
      <t>人体に持続的に触れられることを前提に作られた製品（例：電気カーペット・イヤホン・ストラップ等）の人体接触部分に使用されている／</t>
    </r>
    <phoneticPr fontId="9"/>
  </si>
  <si>
    <r>
      <rPr>
        <sz val="11"/>
        <color theme="1"/>
        <rFont val="ＭＳ Ｐゴシック"/>
        <family val="3"/>
        <charset val="128"/>
      </rPr>
      <t>上記（</t>
    </r>
    <r>
      <rPr>
        <sz val="11"/>
        <color theme="1"/>
        <rFont val="Arial"/>
        <family val="2"/>
      </rPr>
      <t>1</t>
    </r>
    <r>
      <rPr>
        <sz val="11"/>
        <color theme="1"/>
        <rFont val="ＭＳ Ｐゴシック"/>
        <family val="3"/>
        <charset val="128"/>
      </rPr>
      <t>）～（</t>
    </r>
    <r>
      <rPr>
        <sz val="11"/>
        <color theme="1"/>
        <rFont val="Arial"/>
        <family val="2"/>
      </rPr>
      <t>2</t>
    </r>
    <r>
      <rPr>
        <sz val="11"/>
        <color theme="1"/>
        <rFont val="ＭＳ Ｐゴシック"/>
        <family val="3"/>
        <charset val="128"/>
      </rPr>
      <t>）以外のものに使用されている／</t>
    </r>
    <phoneticPr fontId="9"/>
  </si>
  <si>
    <r>
      <rPr>
        <sz val="11"/>
        <color theme="1"/>
        <rFont val="ＭＳ Ｐゴシック"/>
        <family val="3"/>
        <charset val="128"/>
      </rPr>
      <t>過塩素酸塩／</t>
    </r>
    <r>
      <rPr>
        <sz val="9"/>
        <color theme="1"/>
        <rFont val="Arial"/>
        <family val="2"/>
      </rPr>
      <t>Perchlorates</t>
    </r>
    <phoneticPr fontId="9"/>
  </si>
  <si>
    <r>
      <rPr>
        <sz val="11"/>
        <color theme="1"/>
        <rFont val="ＭＳ Ｐゴシック"/>
        <family val="3"/>
        <charset val="128"/>
      </rPr>
      <t>電池あたりの質量比が</t>
    </r>
    <r>
      <rPr>
        <sz val="11"/>
        <color theme="1"/>
        <rFont val="Arial"/>
        <family val="2"/>
      </rPr>
      <t>6ppb</t>
    </r>
    <r>
      <rPr>
        <sz val="11"/>
        <color theme="1"/>
        <rFont val="ＭＳ Ｐゴシック"/>
        <family val="3"/>
        <charset val="128"/>
      </rPr>
      <t>以上の含有である（取扱説明書に注意文必要）／</t>
    </r>
    <phoneticPr fontId="9"/>
  </si>
  <si>
    <r>
      <rPr>
        <sz val="11"/>
        <color theme="1"/>
        <rFont val="ＭＳ Ｐゴシック"/>
        <family val="3"/>
        <charset val="128"/>
      </rPr>
      <t>電池あたりの質量比が</t>
    </r>
    <r>
      <rPr>
        <sz val="11"/>
        <color theme="1"/>
        <rFont val="Arial"/>
        <family val="2"/>
      </rPr>
      <t>6ppb</t>
    </r>
    <r>
      <rPr>
        <sz val="11"/>
        <color theme="1"/>
        <rFont val="ＭＳ Ｐゴシック"/>
        <family val="3"/>
        <charset val="128"/>
      </rPr>
      <t>未満の含有である／</t>
    </r>
    <phoneticPr fontId="9"/>
  </si>
  <si>
    <r>
      <rPr>
        <sz val="11"/>
        <rFont val="ＭＳ Ｐゴシック"/>
        <family val="3"/>
        <charset val="128"/>
      </rPr>
      <t>ニッケル及びその化合物／</t>
    </r>
    <r>
      <rPr>
        <sz val="9"/>
        <rFont val="Arial"/>
        <family val="2"/>
      </rPr>
      <t>Nickel and its compound</t>
    </r>
    <phoneticPr fontId="9"/>
  </si>
  <si>
    <r>
      <rPr>
        <sz val="11"/>
        <color theme="1"/>
        <rFont val="ＭＳ Ｐゴシック"/>
        <family val="3"/>
        <charset val="128"/>
      </rPr>
      <t>上記（</t>
    </r>
    <r>
      <rPr>
        <sz val="11"/>
        <color theme="1"/>
        <rFont val="Arial"/>
        <family val="2"/>
      </rPr>
      <t>1</t>
    </r>
    <r>
      <rPr>
        <sz val="11"/>
        <color theme="1"/>
        <rFont val="ＭＳ Ｐゴシック"/>
        <family val="3"/>
        <charset val="128"/>
      </rPr>
      <t>）以外のものに使用されている／</t>
    </r>
    <phoneticPr fontId="9"/>
  </si>
  <si>
    <r>
      <t xml:space="preserve">&lt; </t>
    </r>
    <r>
      <rPr>
        <sz val="9"/>
        <rFont val="ＭＳ Ｐゴシック"/>
        <family val="3"/>
        <charset val="128"/>
      </rPr>
      <t>次ページへ／</t>
    </r>
    <r>
      <rPr>
        <sz val="9"/>
        <rFont val="Arial"/>
        <family val="2"/>
      </rPr>
      <t>Continued on the next page.&gt;</t>
    </r>
    <phoneticPr fontId="9"/>
  </si>
  <si>
    <r>
      <rPr>
        <sz val="11"/>
        <color theme="1"/>
        <rFont val="ＭＳ Ｐゴシック"/>
        <family val="3"/>
        <charset val="128"/>
      </rPr>
      <t xml:space="preserve">化学物質名／
</t>
    </r>
    <r>
      <rPr>
        <sz val="9"/>
        <color theme="1"/>
        <rFont val="Arial"/>
        <family val="2"/>
      </rPr>
      <t>Substances</t>
    </r>
    <phoneticPr fontId="9"/>
  </si>
  <si>
    <r>
      <rPr>
        <sz val="11"/>
        <color theme="1"/>
        <rFont val="ＭＳ Ｐゴシック"/>
        <family val="3"/>
        <charset val="128"/>
      </rPr>
      <t>ヒ素及びその化合物／</t>
    </r>
    <r>
      <rPr>
        <sz val="9"/>
        <color theme="1"/>
        <rFont val="Arial"/>
        <family val="2"/>
      </rPr>
      <t>Arsenic and its compound</t>
    </r>
    <phoneticPr fontId="9"/>
  </si>
  <si>
    <r>
      <rPr>
        <sz val="11"/>
        <color theme="1"/>
        <rFont val="ＭＳ Ｐゴシック"/>
        <family val="3"/>
        <charset val="128"/>
      </rPr>
      <t>五酸化二ヒ素を使用している／</t>
    </r>
    <r>
      <rPr>
        <sz val="9"/>
        <color theme="1"/>
        <rFont val="Arial"/>
        <family val="2"/>
      </rPr>
      <t>Using Diarsenic Pentoxide</t>
    </r>
    <phoneticPr fontId="9"/>
  </si>
  <si>
    <r>
      <rPr>
        <sz val="11"/>
        <color theme="1"/>
        <rFont val="ＭＳ Ｐゴシック"/>
        <family val="3"/>
        <charset val="128"/>
      </rPr>
      <t>下記（</t>
    </r>
    <r>
      <rPr>
        <sz val="11"/>
        <color theme="1"/>
        <rFont val="Arial"/>
        <family val="2"/>
      </rPr>
      <t>3</t>
    </r>
    <r>
      <rPr>
        <sz val="11"/>
        <color theme="1"/>
        <rFont val="ＭＳ Ｐゴシック"/>
        <family val="3"/>
        <charset val="128"/>
      </rPr>
      <t>）～（</t>
    </r>
    <r>
      <rPr>
        <sz val="11"/>
        <color theme="1"/>
        <rFont val="Arial"/>
        <family val="2"/>
      </rPr>
      <t>4</t>
    </r>
    <r>
      <rPr>
        <sz val="11"/>
        <color theme="1"/>
        <rFont val="ＭＳ Ｐゴシック"/>
        <family val="3"/>
        <charset val="128"/>
      </rPr>
      <t>）以外のものに使用されている／</t>
    </r>
    <r>
      <rPr>
        <sz val="9"/>
        <color theme="1"/>
        <rFont val="Arial"/>
        <family val="2"/>
      </rPr>
      <t>Used in the other than the following (3)-(4).</t>
    </r>
    <phoneticPr fontId="9"/>
  </si>
  <si>
    <r>
      <rPr>
        <sz val="11"/>
        <color theme="1"/>
        <rFont val="ＭＳ Ｐゴシック"/>
        <family val="3"/>
        <charset val="128"/>
      </rPr>
      <t>除外対象部品に使用されている／</t>
    </r>
    <r>
      <rPr>
        <sz val="9"/>
        <color theme="1"/>
        <rFont val="Arial"/>
        <family val="2"/>
      </rPr>
      <t>Used for the exception items.</t>
    </r>
    <phoneticPr fontId="9"/>
  </si>
  <si>
    <r>
      <t xml:space="preserve">(a) </t>
    </r>
    <r>
      <rPr>
        <sz val="11"/>
        <color theme="1"/>
        <rFont val="ＭＳ Ｐゴシック"/>
        <family val="3"/>
        <charset val="128"/>
      </rPr>
      <t>半導体に／</t>
    </r>
    <r>
      <rPr>
        <sz val="9"/>
        <color theme="1"/>
        <rFont val="Arial"/>
        <family val="2"/>
      </rPr>
      <t>Semiconductor</t>
    </r>
    <phoneticPr fontId="9"/>
  </si>
  <si>
    <r>
      <t xml:space="preserve">(c) </t>
    </r>
    <r>
      <rPr>
        <sz val="11"/>
        <color theme="1"/>
        <rFont val="ＭＳ Ｐゴシック"/>
        <family val="3"/>
        <charset val="128"/>
      </rPr>
      <t>マグネットフィルターに／</t>
    </r>
    <r>
      <rPr>
        <sz val="9"/>
        <color theme="1"/>
        <rFont val="Arial"/>
        <family val="2"/>
      </rPr>
      <t>Magnet filter</t>
    </r>
    <phoneticPr fontId="9"/>
  </si>
  <si>
    <r>
      <t xml:space="preserve">(d) </t>
    </r>
    <r>
      <rPr>
        <sz val="11"/>
        <color theme="1"/>
        <rFont val="ＭＳ Ｐゴシック"/>
        <family val="3"/>
        <charset val="128"/>
      </rPr>
      <t>銅箔に／</t>
    </r>
    <r>
      <rPr>
        <sz val="9"/>
        <color theme="1"/>
        <rFont val="Arial"/>
        <family val="2"/>
      </rPr>
      <t>Copper foil</t>
    </r>
    <phoneticPr fontId="9"/>
  </si>
  <si>
    <r>
      <t xml:space="preserve">(e) </t>
    </r>
    <r>
      <rPr>
        <sz val="11"/>
        <color theme="1"/>
        <rFont val="ＭＳ Ｐゴシック"/>
        <family val="3"/>
        <charset val="128"/>
      </rPr>
      <t>電池に／</t>
    </r>
    <r>
      <rPr>
        <sz val="9"/>
        <color theme="1"/>
        <rFont val="Arial"/>
        <family val="2"/>
      </rPr>
      <t>Battery</t>
    </r>
    <phoneticPr fontId="9"/>
  </si>
  <si>
    <r>
      <rPr>
        <sz val="11"/>
        <color theme="1"/>
        <rFont val="ＭＳ Ｐゴシック"/>
        <family val="3"/>
        <charset val="128"/>
      </rPr>
      <t>ホウ酸／</t>
    </r>
    <r>
      <rPr>
        <sz val="9"/>
        <color theme="1"/>
        <rFont val="Arial"/>
        <family val="2"/>
      </rPr>
      <t>Boric acid</t>
    </r>
    <phoneticPr fontId="9"/>
  </si>
  <si>
    <r>
      <rPr>
        <b/>
        <sz val="11"/>
        <color theme="0"/>
        <rFont val="ＭＳ Ｐゴシック"/>
        <family val="3"/>
        <charset val="128"/>
      </rPr>
      <t xml:space="preserve">使用禁止／
</t>
    </r>
    <r>
      <rPr>
        <b/>
        <sz val="9"/>
        <color theme="0"/>
        <rFont val="Arial"/>
        <family val="2"/>
      </rPr>
      <t>Banned</t>
    </r>
    <phoneticPr fontId="9"/>
  </si>
  <si>
    <r>
      <t xml:space="preserve">(b) </t>
    </r>
    <r>
      <rPr>
        <sz val="11"/>
        <color theme="1"/>
        <rFont val="ＭＳ Ｐゴシック"/>
        <family val="3"/>
        <charset val="128"/>
      </rPr>
      <t>ガラスに／</t>
    </r>
    <r>
      <rPr>
        <sz val="9"/>
        <color theme="1"/>
        <rFont val="Arial"/>
        <family val="2"/>
      </rPr>
      <t>Glass</t>
    </r>
    <phoneticPr fontId="9"/>
  </si>
  <si>
    <r>
      <t xml:space="preserve">(c) </t>
    </r>
    <r>
      <rPr>
        <sz val="11"/>
        <color theme="1"/>
        <rFont val="ＭＳ Ｐゴシック"/>
        <family val="3"/>
        <charset val="128"/>
      </rPr>
      <t>接着剤に／</t>
    </r>
    <r>
      <rPr>
        <sz val="9"/>
        <color theme="1"/>
        <rFont val="Arial"/>
        <family val="2"/>
      </rPr>
      <t>Adhensive agent</t>
    </r>
    <phoneticPr fontId="9"/>
  </si>
  <si>
    <r>
      <rPr>
        <sz val="11"/>
        <color theme="1"/>
        <rFont val="ＭＳ Ｐゴシック"/>
        <family val="3"/>
        <charset val="128"/>
      </rPr>
      <t>下記（</t>
    </r>
    <r>
      <rPr>
        <sz val="11"/>
        <color theme="1"/>
        <rFont val="Arial"/>
        <family val="2"/>
      </rPr>
      <t>2</t>
    </r>
    <r>
      <rPr>
        <sz val="11"/>
        <color theme="1"/>
        <rFont val="ＭＳ Ｐゴシック"/>
        <family val="3"/>
        <charset val="128"/>
      </rPr>
      <t>）以外のものに使用されている／</t>
    </r>
    <r>
      <rPr>
        <sz val="9"/>
        <color theme="1"/>
        <rFont val="Arial"/>
        <family val="2"/>
      </rPr>
      <t>Used in the other than the following (2).</t>
    </r>
    <phoneticPr fontId="9"/>
  </si>
  <si>
    <r>
      <rPr>
        <sz val="11"/>
        <color theme="1"/>
        <rFont val="ＭＳ Ｐゴシック"/>
        <family val="3"/>
        <charset val="128"/>
      </rPr>
      <t>下記用途で使用されている／</t>
    </r>
    <r>
      <rPr>
        <sz val="9"/>
        <color theme="1"/>
        <rFont val="Arial"/>
        <family val="2"/>
      </rPr>
      <t>Used for applications below;</t>
    </r>
    <phoneticPr fontId="9"/>
  </si>
  <si>
    <r>
      <t xml:space="preserve">(a) </t>
    </r>
    <r>
      <rPr>
        <sz val="11"/>
        <color theme="1"/>
        <rFont val="ＭＳ Ｐゴシック"/>
        <family val="3"/>
        <charset val="128"/>
      </rPr>
      <t>偏光板（</t>
    </r>
    <r>
      <rPr>
        <sz val="11"/>
        <color theme="1"/>
        <rFont val="Arial"/>
        <family val="2"/>
      </rPr>
      <t>PVA</t>
    </r>
    <r>
      <rPr>
        <sz val="11"/>
        <color theme="1"/>
        <rFont val="ＭＳ Ｐゴシック"/>
        <family val="3"/>
        <charset val="128"/>
      </rPr>
      <t>製）に／</t>
    </r>
    <r>
      <rPr>
        <sz val="9"/>
        <color theme="1"/>
        <rFont val="Arial"/>
        <family val="2"/>
      </rPr>
      <t>Polarizers (made of PVA)</t>
    </r>
    <phoneticPr fontId="9"/>
  </si>
  <si>
    <r>
      <t xml:space="preserve">(d) </t>
    </r>
    <r>
      <rPr>
        <sz val="11"/>
        <color theme="1"/>
        <rFont val="ＭＳ Ｐゴシック"/>
        <family val="3"/>
        <charset val="128"/>
      </rPr>
      <t>繊維に／</t>
    </r>
    <r>
      <rPr>
        <sz val="9"/>
        <color theme="1"/>
        <rFont val="Arial"/>
        <family val="2"/>
      </rPr>
      <t>Fiber</t>
    </r>
    <phoneticPr fontId="9"/>
  </si>
  <si>
    <r>
      <rPr>
        <sz val="11"/>
        <color theme="1"/>
        <rFont val="ＭＳ Ｐゴシック"/>
        <family val="3"/>
        <charset val="128"/>
      </rPr>
      <t>ジオクチルスズ化合物（</t>
    </r>
    <r>
      <rPr>
        <sz val="11"/>
        <color theme="1"/>
        <rFont val="Arial"/>
        <family val="2"/>
      </rPr>
      <t>DOT</t>
    </r>
    <r>
      <rPr>
        <sz val="11"/>
        <color theme="1"/>
        <rFont val="ＭＳ Ｐゴシック"/>
        <family val="3"/>
        <charset val="128"/>
      </rPr>
      <t>）／</t>
    </r>
    <r>
      <rPr>
        <sz val="9"/>
        <color theme="1"/>
        <rFont val="Arial"/>
        <family val="2"/>
      </rPr>
      <t>Dioctyltin (DOT) compounds</t>
    </r>
    <phoneticPr fontId="9"/>
  </si>
  <si>
    <r>
      <rPr>
        <sz val="11"/>
        <color theme="1"/>
        <rFont val="ＭＳ Ｐゴシック"/>
        <family val="3"/>
        <charset val="128"/>
      </rPr>
      <t xml:space="preserve">使用可／
</t>
    </r>
    <r>
      <rPr>
        <sz val="9"/>
        <color theme="1"/>
        <rFont val="Arial"/>
        <family val="2"/>
      </rPr>
      <t>Usable</t>
    </r>
    <phoneticPr fontId="9"/>
  </si>
  <si>
    <r>
      <rPr>
        <sz val="11"/>
        <color theme="1"/>
        <rFont val="ＭＳ Ｐゴシック"/>
        <family val="3"/>
        <charset val="128"/>
      </rPr>
      <t>上記（</t>
    </r>
    <r>
      <rPr>
        <sz val="11"/>
        <color theme="1"/>
        <rFont val="Arial"/>
        <family val="2"/>
      </rPr>
      <t>1</t>
    </r>
    <r>
      <rPr>
        <sz val="11"/>
        <color theme="1"/>
        <rFont val="ＭＳ Ｐゴシック"/>
        <family val="3"/>
        <charset val="128"/>
      </rPr>
      <t>）以外のものに使用されている／</t>
    </r>
    <r>
      <rPr>
        <sz val="9"/>
        <color theme="1"/>
        <rFont val="Arial"/>
        <family val="2"/>
      </rPr>
      <t>Used in the other than the above (1).</t>
    </r>
    <phoneticPr fontId="9"/>
  </si>
  <si>
    <r>
      <rPr>
        <sz val="11"/>
        <rFont val="ＭＳ Ｐゴシック"/>
        <family val="3"/>
        <charset val="128"/>
      </rPr>
      <t>半導体用フォト・リソグラフィ工程またはコンパウンド半導体用のエッチング工程で使用されている／</t>
    </r>
    <phoneticPr fontId="9"/>
  </si>
  <si>
    <r>
      <rPr>
        <sz val="11"/>
        <rFont val="ＭＳ Ｐゴシック"/>
        <family val="3"/>
        <charset val="128"/>
      </rPr>
      <t>フイルム、紙、あるいは、印刷版に用いるフォト用コートに使用されている／</t>
    </r>
    <phoneticPr fontId="9"/>
  </si>
  <si>
    <r>
      <rPr>
        <sz val="11"/>
        <color theme="1"/>
        <rFont val="ＭＳ Ｐゴシック"/>
        <family val="3"/>
        <charset val="128"/>
      </rPr>
      <t>塩素系難燃剤／</t>
    </r>
    <r>
      <rPr>
        <sz val="9"/>
        <color theme="1"/>
        <rFont val="Arial"/>
        <family val="2"/>
      </rPr>
      <t>Chlorinated flame retardants</t>
    </r>
    <phoneticPr fontId="9"/>
  </si>
  <si>
    <r>
      <rPr>
        <sz val="11"/>
        <rFont val="ＭＳ Ｐゴシック"/>
        <family val="3"/>
        <charset val="128"/>
      </rPr>
      <t>（記入必須）代替困難理由・使用箇所／</t>
    </r>
    <r>
      <rPr>
        <sz val="9"/>
        <rFont val="Arial"/>
        <family val="2"/>
      </rPr>
      <t>(Required fields)  Reason for "difficult to substitute" and Point of use</t>
    </r>
    <phoneticPr fontId="9"/>
  </si>
  <si>
    <r>
      <rPr>
        <sz val="11"/>
        <rFont val="ＭＳ Ｐゴシック"/>
        <family val="3"/>
        <charset val="128"/>
      </rPr>
      <t>リン酸トリス（</t>
    </r>
    <r>
      <rPr>
        <sz val="11"/>
        <rFont val="Arial"/>
        <family val="2"/>
      </rPr>
      <t>2-</t>
    </r>
    <r>
      <rPr>
        <sz val="11"/>
        <rFont val="ＭＳ Ｐゴシック"/>
        <family val="3"/>
        <charset val="128"/>
      </rPr>
      <t>クロロエチル）（</t>
    </r>
    <r>
      <rPr>
        <sz val="11"/>
        <rFont val="Arial"/>
        <family val="2"/>
      </rPr>
      <t>TCEP</t>
    </r>
    <r>
      <rPr>
        <sz val="11"/>
        <rFont val="ＭＳ Ｐゴシック"/>
        <family val="3"/>
        <charset val="128"/>
      </rPr>
      <t>）／</t>
    </r>
    <r>
      <rPr>
        <sz val="9"/>
        <rFont val="Arial"/>
        <family val="2"/>
      </rPr>
      <t>Tris (2-chloroethyl) phosphate (TCEP)</t>
    </r>
    <phoneticPr fontId="9"/>
  </si>
  <si>
    <r>
      <rPr>
        <sz val="11"/>
        <rFont val="ＭＳ Ｐゴシック"/>
        <family val="3"/>
        <charset val="128"/>
      </rPr>
      <t>下記（</t>
    </r>
    <r>
      <rPr>
        <sz val="11"/>
        <rFont val="Arial"/>
        <family val="2"/>
      </rPr>
      <t>3</t>
    </r>
    <r>
      <rPr>
        <sz val="11"/>
        <rFont val="ＭＳ Ｐゴシック"/>
        <family val="3"/>
        <charset val="128"/>
      </rPr>
      <t>）～（</t>
    </r>
    <r>
      <rPr>
        <sz val="11"/>
        <rFont val="Arial"/>
        <family val="2"/>
      </rPr>
      <t>6</t>
    </r>
    <r>
      <rPr>
        <sz val="11"/>
        <rFont val="ＭＳ Ｐゴシック"/>
        <family val="3"/>
        <charset val="128"/>
      </rPr>
      <t>）以外のものに使用されている／</t>
    </r>
    <r>
      <rPr>
        <sz val="9"/>
        <rFont val="Arial"/>
        <family val="2"/>
      </rPr>
      <t>Used in the other than the following (3)-(6).</t>
    </r>
    <phoneticPr fontId="9"/>
  </si>
  <si>
    <r>
      <rPr>
        <sz val="11"/>
        <rFont val="ＭＳ Ｐゴシック"/>
        <family val="3"/>
        <charset val="128"/>
      </rPr>
      <t>自動車部品またはその交換部品に使用されている／</t>
    </r>
    <phoneticPr fontId="9"/>
  </si>
  <si>
    <r>
      <rPr>
        <sz val="11"/>
        <rFont val="ＭＳ Ｐゴシック"/>
        <family val="3"/>
        <charset val="128"/>
      </rPr>
      <t>商用建造物または住宅用建築物の難燃剤または配線類に使用されている／</t>
    </r>
    <phoneticPr fontId="9"/>
  </si>
  <si>
    <r>
      <rPr>
        <sz val="11"/>
        <rFont val="ＭＳ Ｐゴシック"/>
        <family val="3"/>
        <charset val="128"/>
      </rPr>
      <t>デスクトップ・ラップトップコンピュータ、音声・映像機器、計算機、無線電話、ゲームコンソール、対話型ソフトウェアとのアクセスに使用されるスクリーンが組み込まれた携帯端末とそれらの周辺機器、およびケーブルやアダプタなどの接続装置に使用されている／</t>
    </r>
    <phoneticPr fontId="9"/>
  </si>
  <si>
    <r>
      <rPr>
        <sz val="11"/>
        <rFont val="ＭＳ Ｐゴシック"/>
        <family val="3"/>
        <charset val="128"/>
      </rPr>
      <t>保存メディア（</t>
    </r>
    <r>
      <rPr>
        <sz val="11"/>
        <rFont val="Arial"/>
        <family val="2"/>
      </rPr>
      <t>CD</t>
    </r>
    <r>
      <rPr>
        <sz val="11"/>
        <rFont val="ＭＳ Ｐゴシック"/>
        <family val="3"/>
        <charset val="128"/>
      </rPr>
      <t>、コンピュータゲームなどのインタラクティブソフトウェア）に使用されている／</t>
    </r>
    <phoneticPr fontId="9"/>
  </si>
  <si>
    <r>
      <rPr>
        <sz val="11"/>
        <rFont val="ＭＳ Ｐゴシック"/>
        <family val="3"/>
        <charset val="128"/>
      </rPr>
      <t>「子供（</t>
    </r>
    <r>
      <rPr>
        <sz val="11"/>
        <rFont val="Arial"/>
        <family val="2"/>
      </rPr>
      <t>12</t>
    </r>
    <r>
      <rPr>
        <sz val="11"/>
        <rFont val="ＭＳ Ｐゴシック"/>
        <family val="3"/>
        <charset val="128"/>
      </rPr>
      <t>歳以下）向け製品」および「繊維等で覆われた家庭用家具」に使用されている／</t>
    </r>
    <phoneticPr fontId="9"/>
  </si>
  <si>
    <r>
      <rPr>
        <sz val="11"/>
        <rFont val="ＭＳ Ｐゴシック"/>
        <family val="3"/>
        <charset val="128"/>
      </rPr>
      <t xml:space="preserve">使用可／
</t>
    </r>
    <r>
      <rPr>
        <sz val="9"/>
        <rFont val="Arial"/>
        <family val="2"/>
      </rPr>
      <t>Usable</t>
    </r>
    <phoneticPr fontId="9"/>
  </si>
  <si>
    <r>
      <rPr>
        <sz val="11"/>
        <rFont val="ＭＳ Ｐゴシック"/>
        <family val="3"/>
        <charset val="128"/>
      </rPr>
      <t>上記（</t>
    </r>
    <r>
      <rPr>
        <sz val="11"/>
        <rFont val="Arial"/>
        <family val="2"/>
      </rPr>
      <t>1</t>
    </r>
    <r>
      <rPr>
        <sz val="11"/>
        <rFont val="ＭＳ Ｐゴシック"/>
        <family val="3"/>
        <charset val="128"/>
      </rPr>
      <t>）以外のものに使用されている／</t>
    </r>
    <r>
      <rPr>
        <sz val="11"/>
        <rFont val="Arial"/>
        <family val="2"/>
      </rPr>
      <t>Used in the other than the above (1).</t>
    </r>
    <phoneticPr fontId="9"/>
  </si>
  <si>
    <r>
      <rPr>
        <sz val="11"/>
        <rFont val="ＭＳ Ｐゴシック"/>
        <family val="3"/>
        <charset val="128"/>
      </rPr>
      <t>リン酸トリス（</t>
    </r>
    <r>
      <rPr>
        <sz val="11"/>
        <rFont val="Arial"/>
        <family val="2"/>
      </rPr>
      <t>1,3-</t>
    </r>
    <r>
      <rPr>
        <sz val="11"/>
        <rFont val="ＭＳ Ｐゴシック"/>
        <family val="3"/>
        <charset val="128"/>
      </rPr>
      <t>ジクロロ</t>
    </r>
    <r>
      <rPr>
        <sz val="11"/>
        <rFont val="Arial"/>
        <family val="2"/>
      </rPr>
      <t>-2-</t>
    </r>
    <r>
      <rPr>
        <sz val="11"/>
        <rFont val="ＭＳ Ｐゴシック"/>
        <family val="3"/>
        <charset val="128"/>
      </rPr>
      <t>プロピル）（</t>
    </r>
    <r>
      <rPr>
        <sz val="11"/>
        <rFont val="Arial"/>
        <family val="2"/>
      </rPr>
      <t>TDCPP</t>
    </r>
    <r>
      <rPr>
        <sz val="11"/>
        <rFont val="ＭＳ Ｐゴシック"/>
        <family val="3"/>
        <charset val="128"/>
      </rPr>
      <t>）／</t>
    </r>
    <r>
      <rPr>
        <sz val="9"/>
        <rFont val="Arial"/>
        <family val="2"/>
      </rPr>
      <t>Tris(1,3-dichloro-2-propyl) phosphate (TDCPP)</t>
    </r>
    <phoneticPr fontId="9"/>
  </si>
  <si>
    <r>
      <rPr>
        <sz val="11"/>
        <color theme="1"/>
        <rFont val="ＭＳ Ｐゴシック"/>
        <family val="3"/>
        <charset val="128"/>
      </rPr>
      <t xml:space="preserve">化学物質名／
</t>
    </r>
    <r>
      <rPr>
        <sz val="9"/>
        <color theme="1"/>
        <rFont val="Arial"/>
        <family val="2"/>
      </rPr>
      <t>Substances</t>
    </r>
    <phoneticPr fontId="9"/>
  </si>
  <si>
    <r>
      <rPr>
        <sz val="11"/>
        <color theme="1"/>
        <rFont val="ＭＳ Ｐゴシック"/>
        <family val="3"/>
        <charset val="128"/>
      </rPr>
      <t>確認内容（判定基準）／</t>
    </r>
    <r>
      <rPr>
        <sz val="9"/>
        <color theme="1"/>
        <rFont val="Arial"/>
        <family val="2"/>
      </rPr>
      <t>Check point (Criteria)</t>
    </r>
    <phoneticPr fontId="9"/>
  </si>
  <si>
    <r>
      <t>RoHS</t>
    </r>
    <r>
      <rPr>
        <sz val="11"/>
        <color theme="1"/>
        <rFont val="ＭＳ Ｐゴシック"/>
        <family val="3"/>
        <charset val="128"/>
      </rPr>
      <t xml:space="preserve">除外／
</t>
    </r>
    <r>
      <rPr>
        <sz val="6"/>
        <color theme="1"/>
        <rFont val="Arial"/>
        <family val="2"/>
      </rPr>
      <t>RoHS Exemption *1)</t>
    </r>
    <phoneticPr fontId="9"/>
  </si>
  <si>
    <r>
      <rPr>
        <b/>
        <sz val="11"/>
        <color theme="0"/>
        <rFont val="ＭＳ Ｐゴシック"/>
        <family val="3"/>
        <charset val="128"/>
      </rPr>
      <t>使用禁止／</t>
    </r>
    <phoneticPr fontId="9"/>
  </si>
  <si>
    <r>
      <rPr>
        <sz val="11"/>
        <rFont val="ＭＳ Ｐゴシック"/>
        <family val="3"/>
        <charset val="128"/>
      </rPr>
      <t>下記（</t>
    </r>
    <r>
      <rPr>
        <sz val="11"/>
        <rFont val="Arial"/>
        <family val="2"/>
      </rPr>
      <t>2</t>
    </r>
    <r>
      <rPr>
        <sz val="11"/>
        <rFont val="ＭＳ Ｐゴシック"/>
        <family val="3"/>
        <charset val="128"/>
      </rPr>
      <t>）～（</t>
    </r>
    <r>
      <rPr>
        <sz val="11"/>
        <rFont val="Arial"/>
        <family val="2"/>
      </rPr>
      <t>5</t>
    </r>
    <r>
      <rPr>
        <sz val="11"/>
        <rFont val="ＭＳ Ｐゴシック"/>
        <family val="3"/>
        <charset val="128"/>
      </rPr>
      <t>）以外のものに使用されている／</t>
    </r>
    <phoneticPr fontId="9"/>
  </si>
  <si>
    <r>
      <rPr>
        <sz val="11"/>
        <rFont val="ＭＳ Ｐゴシック"/>
        <family val="3"/>
        <charset val="128"/>
      </rPr>
      <t>電気接点に使用されている</t>
    </r>
    <r>
      <rPr>
        <sz val="11"/>
        <rFont val="Arial"/>
        <family val="2"/>
      </rPr>
      <t xml:space="preserve"> </t>
    </r>
    <r>
      <rPr>
        <sz val="11"/>
        <rFont val="ＭＳ Ｐゴシック"/>
        <family val="3"/>
        <charset val="128"/>
      </rPr>
      <t>［</t>
    </r>
    <r>
      <rPr>
        <sz val="11"/>
        <rFont val="Arial"/>
        <family val="2"/>
      </rPr>
      <t>EU</t>
    </r>
    <r>
      <rPr>
        <sz val="11"/>
        <rFont val="ＭＳ Ｐゴシック"/>
        <family val="3"/>
        <charset val="128"/>
      </rPr>
      <t>適用除外更新審議中］</t>
    </r>
    <r>
      <rPr>
        <sz val="11"/>
        <rFont val="Arial"/>
        <family val="2"/>
      </rPr>
      <t>*2</t>
    </r>
    <r>
      <rPr>
        <sz val="11"/>
        <rFont val="ＭＳ Ｐゴシック"/>
        <family val="3"/>
        <charset val="128"/>
      </rPr>
      <t xml:space="preserve">／
</t>
    </r>
    <r>
      <rPr>
        <sz val="9"/>
        <rFont val="Arial"/>
        <family val="2"/>
      </rPr>
      <t>Used for electrical contacts [Under deliberation for exemption renewal in EU]*2</t>
    </r>
    <phoneticPr fontId="9"/>
  </si>
  <si>
    <r>
      <t xml:space="preserve">(a) </t>
    </r>
    <r>
      <rPr>
        <sz val="11"/>
        <rFont val="ＭＳ Ｐゴシック"/>
        <family val="3"/>
        <charset val="128"/>
      </rPr>
      <t>回路ブレーカ／</t>
    </r>
    <r>
      <rPr>
        <sz val="9"/>
        <rFont val="Arial"/>
        <family val="2"/>
      </rPr>
      <t>Circuit breakers</t>
    </r>
    <phoneticPr fontId="9"/>
  </si>
  <si>
    <r>
      <t xml:space="preserve">(b) </t>
    </r>
    <r>
      <rPr>
        <sz val="11"/>
        <rFont val="ＭＳ Ｐゴシック"/>
        <family val="3"/>
        <charset val="128"/>
      </rPr>
      <t>熱感知制御／</t>
    </r>
    <r>
      <rPr>
        <sz val="9"/>
        <rFont val="Arial"/>
        <family val="2"/>
      </rPr>
      <t>Thermal sensing controls</t>
    </r>
    <phoneticPr fontId="9"/>
  </si>
  <si>
    <r>
      <t xml:space="preserve">(c) </t>
    </r>
    <r>
      <rPr>
        <sz val="11"/>
        <rFont val="ＭＳ Ｐゴシック"/>
        <family val="3"/>
        <charset val="128"/>
      </rPr>
      <t xml:space="preserve">サーマルモータ・プロテクタ（密封型サーマルモータ・プロテクタを除く）／
</t>
    </r>
    <r>
      <rPr>
        <sz val="11"/>
        <rFont val="Arial"/>
        <family val="2"/>
      </rPr>
      <t xml:space="preserve">    </t>
    </r>
    <r>
      <rPr>
        <sz val="9"/>
        <rFont val="Arial"/>
        <family val="2"/>
      </rPr>
      <t>Thermal motor protectors (excluding hermetic thermal motor protectors)</t>
    </r>
    <phoneticPr fontId="9"/>
  </si>
  <si>
    <r>
      <t>(e) DC 18V</t>
    </r>
    <r>
      <rPr>
        <sz val="11"/>
        <rFont val="ＭＳ Ｐゴシック"/>
        <family val="3"/>
        <charset val="128"/>
      </rPr>
      <t>以上において</t>
    </r>
    <r>
      <rPr>
        <sz val="11"/>
        <rFont val="Arial"/>
        <family val="2"/>
      </rPr>
      <t>20A</t>
    </r>
    <r>
      <rPr>
        <sz val="11"/>
        <rFont val="ＭＳ Ｐゴシック"/>
        <family val="3"/>
        <charset val="128"/>
      </rPr>
      <t>以上の定格の</t>
    </r>
    <r>
      <rPr>
        <sz val="11"/>
        <rFont val="Arial"/>
        <family val="2"/>
      </rPr>
      <t>DC</t>
    </r>
    <r>
      <rPr>
        <sz val="11"/>
        <rFont val="ＭＳ Ｐゴシック"/>
        <family val="3"/>
        <charset val="128"/>
      </rPr>
      <t xml:space="preserve">スイッチ／
</t>
    </r>
    <r>
      <rPr>
        <sz val="11"/>
        <rFont val="Arial"/>
        <family val="2"/>
      </rPr>
      <t xml:space="preserve">    </t>
    </r>
    <r>
      <rPr>
        <sz val="9"/>
        <rFont val="Arial"/>
        <family val="2"/>
      </rPr>
      <t>DC switches rated at 20A and more at 18V DC and more</t>
    </r>
    <phoneticPr fontId="9"/>
  </si>
  <si>
    <r>
      <rPr>
        <sz val="11"/>
        <rFont val="ＭＳ Ｐゴシック"/>
        <family val="3"/>
        <charset val="128"/>
      </rPr>
      <t>光学用途に使われる白色ガラスに使用されている</t>
    </r>
    <r>
      <rPr>
        <sz val="11"/>
        <rFont val="Arial"/>
        <family val="2"/>
      </rPr>
      <t xml:space="preserve"> </t>
    </r>
    <r>
      <rPr>
        <sz val="11"/>
        <rFont val="ＭＳ Ｐゴシック"/>
        <family val="3"/>
        <charset val="128"/>
      </rPr>
      <t>［</t>
    </r>
    <r>
      <rPr>
        <sz val="11"/>
        <rFont val="Arial"/>
        <family val="2"/>
      </rPr>
      <t>EU</t>
    </r>
    <r>
      <rPr>
        <sz val="11"/>
        <rFont val="ＭＳ Ｐゴシック"/>
        <family val="3"/>
        <charset val="128"/>
      </rPr>
      <t>適用除外更新審議中］</t>
    </r>
    <r>
      <rPr>
        <sz val="11"/>
        <rFont val="Arial"/>
        <family val="2"/>
      </rPr>
      <t>*2</t>
    </r>
    <r>
      <rPr>
        <sz val="11"/>
        <rFont val="ＭＳ Ｐゴシック"/>
        <family val="3"/>
        <charset val="128"/>
      </rPr>
      <t>／</t>
    </r>
    <phoneticPr fontId="9"/>
  </si>
  <si>
    <r>
      <t>EU RoHS</t>
    </r>
    <r>
      <rPr>
        <sz val="11"/>
        <color theme="1"/>
        <rFont val="ＭＳ Ｐゴシック"/>
        <family val="3"/>
        <charset val="128"/>
      </rPr>
      <t>指令</t>
    </r>
    <r>
      <rPr>
        <sz val="11"/>
        <color theme="1"/>
        <rFont val="Arial"/>
        <family val="2"/>
      </rPr>
      <t xml:space="preserve"> </t>
    </r>
    <r>
      <rPr>
        <sz val="11"/>
        <color theme="1"/>
        <rFont val="ＭＳ Ｐゴシック"/>
        <family val="3"/>
        <charset val="128"/>
      </rPr>
      <t>附属書</t>
    </r>
    <r>
      <rPr>
        <sz val="9"/>
        <color theme="1"/>
        <rFont val="Arial"/>
        <family val="2"/>
      </rPr>
      <t>No.</t>
    </r>
    <r>
      <rPr>
        <sz val="11"/>
        <color theme="1"/>
        <rFont val="ＭＳ Ｐゴシック"/>
        <family val="3"/>
        <charset val="128"/>
      </rPr>
      <t>／</t>
    </r>
    <r>
      <rPr>
        <sz val="9"/>
        <color theme="1"/>
        <rFont val="Arial"/>
        <family val="2"/>
      </rPr>
      <t>EU RoHS directive Annex No. :</t>
    </r>
    <phoneticPr fontId="9"/>
  </si>
  <si>
    <r>
      <t>12</t>
    </r>
    <r>
      <rPr>
        <sz val="11"/>
        <color theme="1"/>
        <rFont val="ＭＳ Ｐゴシック"/>
        <family val="3"/>
        <charset val="128"/>
      </rPr>
      <t>歳以下の子供用製品に、外装部品あたり</t>
    </r>
    <r>
      <rPr>
        <sz val="11"/>
        <color theme="1"/>
        <rFont val="Arial"/>
        <family val="2"/>
      </rPr>
      <t>0.01wt%</t>
    </r>
    <r>
      <rPr>
        <sz val="11"/>
        <color theme="1"/>
        <rFont val="ＭＳ Ｐゴシック"/>
        <family val="3"/>
        <charset val="128"/>
      </rPr>
      <t>以上使用されている／</t>
    </r>
    <phoneticPr fontId="9"/>
  </si>
  <si>
    <r>
      <rPr>
        <sz val="11"/>
        <color theme="1"/>
        <rFont val="ＭＳ Ｐゴシック"/>
        <family val="3"/>
        <charset val="128"/>
      </rPr>
      <t>使用可／</t>
    </r>
    <phoneticPr fontId="9"/>
  </si>
  <si>
    <r>
      <rPr>
        <sz val="11"/>
        <rFont val="ＭＳ Ｐゴシック"/>
        <family val="3"/>
        <charset val="128"/>
      </rPr>
      <t>高融点はんだ（鉛が</t>
    </r>
    <r>
      <rPr>
        <sz val="11"/>
        <rFont val="Arial"/>
        <family val="2"/>
      </rPr>
      <t>85wt%</t>
    </r>
    <r>
      <rPr>
        <sz val="11"/>
        <rFont val="ＭＳ Ｐゴシック"/>
        <family val="3"/>
        <charset val="128"/>
      </rPr>
      <t>以上のはんだ）に使用されている</t>
    </r>
    <r>
      <rPr>
        <sz val="11"/>
        <rFont val="Arial"/>
        <family val="2"/>
      </rPr>
      <t xml:space="preserve"> </t>
    </r>
    <r>
      <rPr>
        <sz val="11"/>
        <rFont val="ＭＳ Ｐゴシック"/>
        <family val="3"/>
        <charset val="128"/>
      </rPr>
      <t>［</t>
    </r>
    <r>
      <rPr>
        <sz val="11"/>
        <rFont val="Arial"/>
        <family val="2"/>
      </rPr>
      <t>EU</t>
    </r>
    <r>
      <rPr>
        <sz val="11"/>
        <rFont val="ＭＳ Ｐゴシック"/>
        <family val="3"/>
        <charset val="128"/>
      </rPr>
      <t>適用除外更新審議中］</t>
    </r>
    <r>
      <rPr>
        <sz val="11"/>
        <rFont val="Arial"/>
        <family val="2"/>
      </rPr>
      <t>*2</t>
    </r>
    <r>
      <rPr>
        <sz val="11"/>
        <rFont val="ＭＳ Ｐゴシック"/>
        <family val="3"/>
        <charset val="128"/>
      </rPr>
      <t>／</t>
    </r>
    <phoneticPr fontId="9"/>
  </si>
  <si>
    <r>
      <rPr>
        <sz val="11"/>
        <rFont val="ＭＳ Ｐゴシック"/>
        <family val="3"/>
        <charset val="128"/>
      </rPr>
      <t>電気電子部品中のコンデンサ内の誘電体セラミック以外のガラス中またはセラミック中（例</t>
    </r>
    <r>
      <rPr>
        <sz val="11"/>
        <rFont val="Arial"/>
        <family val="2"/>
      </rPr>
      <t xml:space="preserve"> </t>
    </r>
    <r>
      <rPr>
        <sz val="11"/>
        <rFont val="ＭＳ Ｐゴシック"/>
        <family val="3"/>
        <charset val="128"/>
      </rPr>
      <t>圧電素子）に、もしくは、ガラスまたはセラミックを母材とする化合物中に使用されている</t>
    </r>
    <r>
      <rPr>
        <sz val="11"/>
        <rFont val="Arial"/>
        <family val="2"/>
      </rPr>
      <t xml:space="preserve"> </t>
    </r>
    <r>
      <rPr>
        <sz val="11"/>
        <rFont val="ＭＳ Ｐゴシック"/>
        <family val="3"/>
        <charset val="128"/>
      </rPr>
      <t>［</t>
    </r>
    <r>
      <rPr>
        <sz val="11"/>
        <rFont val="Arial"/>
        <family val="2"/>
      </rPr>
      <t>EU</t>
    </r>
    <r>
      <rPr>
        <sz val="11"/>
        <rFont val="ＭＳ Ｐゴシック"/>
        <family val="3"/>
        <charset val="128"/>
      </rPr>
      <t>適用除外更新審議中］</t>
    </r>
    <r>
      <rPr>
        <sz val="11"/>
        <rFont val="Arial"/>
        <family val="2"/>
      </rPr>
      <t>*2</t>
    </r>
    <r>
      <rPr>
        <sz val="11"/>
        <rFont val="ＭＳ Ｐゴシック"/>
        <family val="3"/>
        <charset val="128"/>
      </rPr>
      <t>／</t>
    </r>
    <phoneticPr fontId="9"/>
  </si>
  <si>
    <r>
      <rPr>
        <sz val="11"/>
        <rFont val="ＭＳ Ｐゴシック"/>
        <family val="3"/>
        <charset val="128"/>
      </rPr>
      <t>蛍光管のガラス（</t>
    </r>
    <r>
      <rPr>
        <sz val="11"/>
        <rFont val="Arial"/>
        <family val="2"/>
      </rPr>
      <t>0.2wt%</t>
    </r>
    <r>
      <rPr>
        <sz val="11"/>
        <rFont val="ＭＳ Ｐゴシック"/>
        <family val="3"/>
        <charset val="128"/>
      </rPr>
      <t>まで）に使用されている［</t>
    </r>
    <r>
      <rPr>
        <sz val="11"/>
        <rFont val="Arial"/>
        <family val="2"/>
      </rPr>
      <t>EU</t>
    </r>
    <r>
      <rPr>
        <sz val="11"/>
        <rFont val="ＭＳ Ｐゴシック"/>
        <family val="3"/>
        <charset val="128"/>
      </rPr>
      <t>適用除外更新審議中］</t>
    </r>
    <r>
      <rPr>
        <sz val="11"/>
        <rFont val="Arial"/>
        <family val="2"/>
      </rPr>
      <t>*2</t>
    </r>
    <r>
      <rPr>
        <sz val="11"/>
        <rFont val="ＭＳ Ｐゴシック"/>
        <family val="3"/>
        <charset val="128"/>
      </rPr>
      <t>／</t>
    </r>
    <phoneticPr fontId="9"/>
  </si>
  <si>
    <r>
      <rPr>
        <sz val="11"/>
        <rFont val="ＭＳ Ｐゴシック"/>
        <family val="3"/>
        <charset val="128"/>
      </rPr>
      <t>合金成分に含有している／</t>
    </r>
    <r>
      <rPr>
        <sz val="9"/>
        <rFont val="Arial"/>
        <family val="2"/>
      </rPr>
      <t>Contained as an alloying element.</t>
    </r>
    <phoneticPr fontId="9"/>
  </si>
  <si>
    <r>
      <t xml:space="preserve">(a) </t>
    </r>
    <r>
      <rPr>
        <sz val="11"/>
        <rFont val="ＭＳ Ｐゴシック"/>
        <family val="3"/>
        <charset val="128"/>
      </rPr>
      <t>機械加工用途の鋼材中</t>
    </r>
    <r>
      <rPr>
        <sz val="11"/>
        <rFont val="Arial"/>
        <family val="2"/>
      </rPr>
      <t>0.35wt%</t>
    </r>
    <r>
      <rPr>
        <sz val="11"/>
        <rFont val="ＭＳ Ｐゴシック"/>
        <family val="3"/>
        <charset val="128"/>
      </rPr>
      <t>未満</t>
    </r>
    <r>
      <rPr>
        <sz val="11"/>
        <rFont val="Arial"/>
        <family val="2"/>
      </rPr>
      <t xml:space="preserve"> </t>
    </r>
    <r>
      <rPr>
        <sz val="11"/>
        <rFont val="ＭＳ Ｐゴシック"/>
        <family val="3"/>
        <charset val="128"/>
      </rPr>
      <t>［</t>
    </r>
    <r>
      <rPr>
        <sz val="11"/>
        <rFont val="Arial"/>
        <family val="2"/>
      </rPr>
      <t>EU</t>
    </r>
    <r>
      <rPr>
        <sz val="11"/>
        <rFont val="ＭＳ Ｐゴシック"/>
        <family val="3"/>
        <charset val="128"/>
      </rPr>
      <t>適用除外更新審議中］</t>
    </r>
    <r>
      <rPr>
        <sz val="11"/>
        <rFont val="Arial"/>
        <family val="2"/>
      </rPr>
      <t>*2</t>
    </r>
    <r>
      <rPr>
        <sz val="11"/>
        <rFont val="ＭＳ Ｐゴシック"/>
        <family val="3"/>
        <charset val="128"/>
      </rPr>
      <t xml:space="preserve">／
</t>
    </r>
    <r>
      <rPr>
        <sz val="9"/>
        <rFont val="Arial"/>
        <family val="2"/>
      </rPr>
      <t>Used less than 0.35% by weight in steel alloy for machining purposes [Under deliberation for exemption renewal in EU]*2</t>
    </r>
    <phoneticPr fontId="9"/>
  </si>
  <si>
    <r>
      <t xml:space="preserve">(c) </t>
    </r>
    <r>
      <rPr>
        <sz val="11"/>
        <rFont val="ＭＳ Ｐゴシック"/>
        <family val="3"/>
        <charset val="128"/>
      </rPr>
      <t>銅材中</t>
    </r>
    <r>
      <rPr>
        <sz val="11"/>
        <rFont val="Arial"/>
        <family val="2"/>
      </rPr>
      <t>4wt%</t>
    </r>
    <r>
      <rPr>
        <sz val="11"/>
        <rFont val="ＭＳ Ｐゴシック"/>
        <family val="3"/>
        <charset val="128"/>
      </rPr>
      <t>未満</t>
    </r>
    <r>
      <rPr>
        <sz val="11"/>
        <rFont val="Arial"/>
        <family val="2"/>
      </rPr>
      <t xml:space="preserve"> </t>
    </r>
    <r>
      <rPr>
        <sz val="11"/>
        <rFont val="ＭＳ Ｐゴシック"/>
        <family val="3"/>
        <charset val="128"/>
      </rPr>
      <t>［</t>
    </r>
    <r>
      <rPr>
        <sz val="11"/>
        <rFont val="Arial"/>
        <family val="2"/>
      </rPr>
      <t>EU</t>
    </r>
    <r>
      <rPr>
        <sz val="11"/>
        <rFont val="ＭＳ Ｐゴシック"/>
        <family val="3"/>
        <charset val="128"/>
      </rPr>
      <t>適用除外更新審議中］</t>
    </r>
    <r>
      <rPr>
        <sz val="11"/>
        <rFont val="Arial"/>
        <family val="2"/>
      </rPr>
      <t>*2</t>
    </r>
    <r>
      <rPr>
        <sz val="11"/>
        <rFont val="ＭＳ Ｐゴシック"/>
        <family val="3"/>
        <charset val="128"/>
      </rPr>
      <t xml:space="preserve">／
</t>
    </r>
    <r>
      <rPr>
        <sz val="9"/>
        <rFont val="Arial"/>
        <family val="2"/>
      </rPr>
      <t>Used less than 4% by weight in copper alloy [Under deliberation for exemption renewal in EU]*2</t>
    </r>
    <phoneticPr fontId="9"/>
  </si>
  <si>
    <r>
      <rPr>
        <sz val="11"/>
        <rFont val="ＭＳ Ｐゴシック"/>
        <family val="3"/>
        <charset val="128"/>
      </rPr>
      <t>下記基準の少なくとも一つが当てはまる場合の集積回路パッケージ（フリップチップ）内部における半導体ダイとキャリア間の確実な電気接続のために必要なはんだに使用されている</t>
    </r>
    <r>
      <rPr>
        <sz val="11"/>
        <rFont val="Arial"/>
        <family val="2"/>
      </rPr>
      <t xml:space="preserve"> </t>
    </r>
    <r>
      <rPr>
        <sz val="11"/>
        <rFont val="ＭＳ Ｐゴシック"/>
        <family val="3"/>
        <charset val="128"/>
      </rPr>
      <t>［</t>
    </r>
    <r>
      <rPr>
        <sz val="11"/>
        <rFont val="Arial"/>
        <family val="2"/>
      </rPr>
      <t>EU</t>
    </r>
    <r>
      <rPr>
        <sz val="11"/>
        <rFont val="ＭＳ Ｐゴシック"/>
        <family val="3"/>
        <charset val="128"/>
      </rPr>
      <t>適用除外更新審議中］</t>
    </r>
    <r>
      <rPr>
        <sz val="11"/>
        <rFont val="Arial"/>
        <family val="2"/>
      </rPr>
      <t>*2</t>
    </r>
    <r>
      <rPr>
        <sz val="11"/>
        <rFont val="ＭＳ Ｐゴシック"/>
        <family val="3"/>
        <charset val="128"/>
      </rPr>
      <t xml:space="preserve">／
</t>
    </r>
    <r>
      <rPr>
        <sz val="9"/>
        <rFont val="Arial"/>
        <family val="2"/>
      </rPr>
      <t>Lead in solders to complete a viable electrical connection between the semiconductor die and carrier within integrated circuit flip chip packages where at least one of the following criteria applies [Under deliberation for exemption renewal in EU]*2</t>
    </r>
    <phoneticPr fontId="9"/>
  </si>
  <si>
    <r>
      <t>(a) 90</t>
    </r>
    <r>
      <rPr>
        <sz val="11"/>
        <rFont val="ＭＳ Ｐゴシック"/>
        <family val="3"/>
        <charset val="128"/>
      </rPr>
      <t>ナノメートル半導体テクノロジーノード以上の大きさ／</t>
    </r>
    <r>
      <rPr>
        <sz val="9"/>
        <rFont val="Arial"/>
        <family val="2"/>
      </rPr>
      <t>A semiconductor technology node of 90 nm or larger</t>
    </r>
    <phoneticPr fontId="9"/>
  </si>
  <si>
    <r>
      <t xml:space="preserve">(b) </t>
    </r>
    <r>
      <rPr>
        <sz val="11"/>
        <rFont val="ＭＳ Ｐゴシック"/>
        <family val="3"/>
        <charset val="128"/>
      </rPr>
      <t>いかなる半導体テクノロジーノードにおいても単一ダイサイズが</t>
    </r>
    <r>
      <rPr>
        <sz val="11"/>
        <rFont val="Arial"/>
        <family val="2"/>
      </rPr>
      <t>300mm2</t>
    </r>
    <r>
      <rPr>
        <sz val="11"/>
        <rFont val="ＭＳ Ｐゴシック"/>
        <family val="3"/>
        <charset val="128"/>
      </rPr>
      <t xml:space="preserve">以上／
</t>
    </r>
    <r>
      <rPr>
        <sz val="11"/>
        <rFont val="Arial"/>
        <family val="2"/>
      </rPr>
      <t xml:space="preserve">    </t>
    </r>
    <r>
      <rPr>
        <sz val="9"/>
        <rFont val="Arial"/>
        <family val="2"/>
      </rPr>
      <t>A single die of 300 mm2 or larger in any semiconductor technology node</t>
    </r>
    <phoneticPr fontId="9"/>
  </si>
  <si>
    <r>
      <t>(c) 300mm2</t>
    </r>
    <r>
      <rPr>
        <sz val="11"/>
        <rFont val="ＭＳ Ｐゴシック"/>
        <family val="3"/>
        <charset val="128"/>
      </rPr>
      <t>以上のダイ、または</t>
    </r>
    <r>
      <rPr>
        <sz val="11"/>
        <rFont val="Arial"/>
        <family val="2"/>
      </rPr>
      <t>300mm2</t>
    </r>
    <r>
      <rPr>
        <sz val="11"/>
        <rFont val="ＭＳ Ｐゴシック"/>
        <family val="3"/>
        <charset val="128"/>
      </rPr>
      <t>以上のシリコンのインターポーザーを有するスタック型ダイパッケージ／</t>
    </r>
    <r>
      <rPr>
        <sz val="9"/>
        <rFont val="Arial"/>
        <family val="2"/>
      </rPr>
      <t>Stacked die packages with die of 300 mm2 or larger, or silicon interposers of 300 mm2 or larger</t>
    </r>
    <phoneticPr fontId="9"/>
  </si>
  <si>
    <r>
      <rPr>
        <sz val="11"/>
        <rFont val="ＭＳ Ｐゴシック"/>
        <family val="3"/>
        <charset val="128"/>
      </rPr>
      <t>イオン着色された光学フィルターガラスに使用されている</t>
    </r>
    <r>
      <rPr>
        <sz val="11"/>
        <rFont val="Arial"/>
        <family val="2"/>
      </rPr>
      <t xml:space="preserve"> </t>
    </r>
    <r>
      <rPr>
        <sz val="11"/>
        <rFont val="ＭＳ Ｐゴシック"/>
        <family val="3"/>
        <charset val="128"/>
      </rPr>
      <t>［</t>
    </r>
    <r>
      <rPr>
        <sz val="11"/>
        <rFont val="Arial"/>
        <family val="2"/>
      </rPr>
      <t>EU</t>
    </r>
    <r>
      <rPr>
        <sz val="11"/>
        <rFont val="ＭＳ Ｐゴシック"/>
        <family val="3"/>
        <charset val="128"/>
      </rPr>
      <t>適用除外更新審議中］</t>
    </r>
    <r>
      <rPr>
        <sz val="11"/>
        <rFont val="Arial"/>
        <family val="2"/>
      </rPr>
      <t>*2</t>
    </r>
    <r>
      <rPr>
        <sz val="11"/>
        <rFont val="ＭＳ Ｐゴシック"/>
        <family val="3"/>
        <charset val="128"/>
      </rPr>
      <t>／</t>
    </r>
    <phoneticPr fontId="9"/>
  </si>
  <si>
    <r>
      <rPr>
        <sz val="11"/>
        <rFont val="ＭＳ Ｐゴシック"/>
        <family val="3"/>
        <charset val="128"/>
      </rPr>
      <t>反射標準物質用のグレーズに使用されている</t>
    </r>
    <r>
      <rPr>
        <sz val="11"/>
        <rFont val="Arial"/>
        <family val="2"/>
      </rPr>
      <t xml:space="preserve"> </t>
    </r>
    <r>
      <rPr>
        <sz val="11"/>
        <rFont val="ＭＳ Ｐゴシック"/>
        <family val="3"/>
        <charset val="128"/>
      </rPr>
      <t>［</t>
    </r>
    <r>
      <rPr>
        <sz val="11"/>
        <rFont val="Arial"/>
        <family val="2"/>
      </rPr>
      <t>EU</t>
    </r>
    <r>
      <rPr>
        <sz val="11"/>
        <rFont val="ＭＳ Ｐゴシック"/>
        <family val="3"/>
        <charset val="128"/>
      </rPr>
      <t>適用除外更新審議中］</t>
    </r>
    <r>
      <rPr>
        <sz val="11"/>
        <rFont val="Arial"/>
        <family val="2"/>
      </rPr>
      <t>*2</t>
    </r>
    <r>
      <rPr>
        <sz val="11"/>
        <rFont val="ＭＳ Ｐゴシック"/>
        <family val="3"/>
        <charset val="128"/>
      </rPr>
      <t>／</t>
    </r>
    <phoneticPr fontId="9"/>
  </si>
  <si>
    <r>
      <t>AC125V</t>
    </r>
    <r>
      <rPr>
        <sz val="11"/>
        <rFont val="ＭＳ Ｐゴシック"/>
        <family val="3"/>
        <charset val="128"/>
      </rPr>
      <t>又は</t>
    </r>
    <r>
      <rPr>
        <sz val="11"/>
        <rFont val="Arial"/>
        <family val="2"/>
      </rPr>
      <t>DC250V</t>
    </r>
    <r>
      <rPr>
        <sz val="11"/>
        <rFont val="ＭＳ Ｐゴシック"/>
        <family val="3"/>
        <charset val="128"/>
      </rPr>
      <t>又はそれ以上の定格電圧のキャパシターに使用する誘電セラミック中に使用されている</t>
    </r>
    <r>
      <rPr>
        <sz val="11"/>
        <rFont val="Arial"/>
        <family val="2"/>
      </rPr>
      <t xml:space="preserve"> </t>
    </r>
    <r>
      <rPr>
        <sz val="11"/>
        <rFont val="ＭＳ Ｐゴシック"/>
        <family val="3"/>
        <charset val="128"/>
      </rPr>
      <t>［</t>
    </r>
    <r>
      <rPr>
        <sz val="11"/>
        <rFont val="Arial"/>
        <family val="2"/>
      </rPr>
      <t>EU</t>
    </r>
    <r>
      <rPr>
        <sz val="11"/>
        <rFont val="ＭＳ Ｐゴシック"/>
        <family val="3"/>
        <charset val="128"/>
      </rPr>
      <t>適用除外更新審議中］</t>
    </r>
    <r>
      <rPr>
        <sz val="11"/>
        <rFont val="Arial"/>
        <family val="2"/>
      </rPr>
      <t>*2</t>
    </r>
    <r>
      <rPr>
        <sz val="11"/>
        <rFont val="ＭＳ Ｐゴシック"/>
        <family val="3"/>
        <charset val="128"/>
      </rPr>
      <t>／</t>
    </r>
    <phoneticPr fontId="9"/>
  </si>
  <si>
    <r>
      <t>EU RoHS</t>
    </r>
    <r>
      <rPr>
        <sz val="11"/>
        <rFont val="ＭＳ Ｐゴシック"/>
        <family val="3"/>
        <charset val="128"/>
      </rPr>
      <t>指令</t>
    </r>
    <r>
      <rPr>
        <sz val="11"/>
        <rFont val="Arial"/>
        <family val="2"/>
      </rPr>
      <t xml:space="preserve"> </t>
    </r>
    <r>
      <rPr>
        <sz val="11"/>
        <rFont val="ＭＳ Ｐゴシック"/>
        <family val="3"/>
        <charset val="128"/>
      </rPr>
      <t>附属書</t>
    </r>
    <r>
      <rPr>
        <sz val="9"/>
        <rFont val="Arial"/>
        <family val="2"/>
      </rPr>
      <t>No.</t>
    </r>
    <r>
      <rPr>
        <sz val="11"/>
        <rFont val="ＭＳ Ｐゴシック"/>
        <family val="3"/>
        <charset val="128"/>
      </rPr>
      <t>／</t>
    </r>
    <r>
      <rPr>
        <sz val="9"/>
        <rFont val="Arial"/>
        <family val="2"/>
      </rPr>
      <t>EU RoHS directive Annex No. :</t>
    </r>
    <phoneticPr fontId="9"/>
  </si>
  <si>
    <r>
      <rPr>
        <sz val="11"/>
        <color theme="1"/>
        <rFont val="ＭＳ Ｐゴシック"/>
        <family val="3"/>
        <charset val="128"/>
      </rPr>
      <t>水銀及びその化合物／</t>
    </r>
    <r>
      <rPr>
        <sz val="11"/>
        <color theme="1"/>
        <rFont val="Arial"/>
        <family val="2"/>
      </rPr>
      <t>Mercury and its compound</t>
    </r>
    <phoneticPr fontId="9"/>
  </si>
  <si>
    <r>
      <rPr>
        <sz val="11"/>
        <color theme="1"/>
        <rFont val="ＭＳ Ｐゴシック"/>
        <family val="3"/>
        <charset val="128"/>
      </rPr>
      <t>下記（</t>
    </r>
    <r>
      <rPr>
        <sz val="11"/>
        <color theme="1"/>
        <rFont val="Arial"/>
        <family val="2"/>
      </rPr>
      <t>2</t>
    </r>
    <r>
      <rPr>
        <sz val="11"/>
        <color theme="1"/>
        <rFont val="ＭＳ Ｐゴシック"/>
        <family val="3"/>
        <charset val="128"/>
      </rPr>
      <t>）～（</t>
    </r>
    <r>
      <rPr>
        <sz val="11"/>
        <color theme="1"/>
        <rFont val="Arial"/>
        <family val="2"/>
      </rPr>
      <t>5</t>
    </r>
    <r>
      <rPr>
        <sz val="11"/>
        <color theme="1"/>
        <rFont val="ＭＳ Ｐゴシック"/>
        <family val="3"/>
        <charset val="128"/>
      </rPr>
      <t>）以外のものに使用されている／</t>
    </r>
    <phoneticPr fontId="9"/>
  </si>
  <si>
    <r>
      <rPr>
        <sz val="11"/>
        <color theme="1"/>
        <rFont val="ＭＳ Ｐゴシック"/>
        <family val="3"/>
        <charset val="128"/>
      </rPr>
      <t>特別目的の冷陰極線蛍光ランプ及び外部電極蛍光ランプ（</t>
    </r>
    <r>
      <rPr>
        <sz val="11"/>
        <color theme="1"/>
        <rFont val="Arial"/>
        <family val="2"/>
      </rPr>
      <t>CCFL</t>
    </r>
    <r>
      <rPr>
        <sz val="11"/>
        <color theme="1"/>
        <rFont val="ＭＳ Ｐゴシック"/>
        <family val="3"/>
        <charset val="128"/>
      </rPr>
      <t>および</t>
    </r>
    <r>
      <rPr>
        <sz val="11"/>
        <color theme="1"/>
        <rFont val="Arial"/>
        <family val="2"/>
      </rPr>
      <t>EEFL</t>
    </r>
    <r>
      <rPr>
        <sz val="11"/>
        <color theme="1"/>
        <rFont val="ＭＳ Ｐゴシック"/>
        <family val="3"/>
        <charset val="128"/>
      </rPr>
      <t>）に使用されている（ランプ毎）／</t>
    </r>
    <phoneticPr fontId="9"/>
  </si>
  <si>
    <r>
      <t xml:space="preserve">(a) </t>
    </r>
    <r>
      <rPr>
        <sz val="11"/>
        <rFont val="ＭＳ Ｐゴシック"/>
        <family val="3"/>
        <charset val="128"/>
      </rPr>
      <t>短型（</t>
    </r>
    <r>
      <rPr>
        <sz val="11"/>
        <rFont val="Arial"/>
        <family val="2"/>
      </rPr>
      <t>500mm</t>
    </r>
    <r>
      <rPr>
        <sz val="11"/>
        <rFont val="ＭＳ Ｐゴシック"/>
        <family val="3"/>
        <charset val="128"/>
      </rPr>
      <t>以下）：</t>
    </r>
    <r>
      <rPr>
        <sz val="11"/>
        <rFont val="Arial"/>
        <family val="2"/>
      </rPr>
      <t>3.5mg</t>
    </r>
    <r>
      <rPr>
        <sz val="11"/>
        <rFont val="ＭＳ Ｐゴシック"/>
        <family val="3"/>
        <charset val="128"/>
      </rPr>
      <t>未満［</t>
    </r>
    <r>
      <rPr>
        <sz val="11"/>
        <rFont val="Arial"/>
        <family val="2"/>
      </rPr>
      <t>EU</t>
    </r>
    <r>
      <rPr>
        <sz val="11"/>
        <rFont val="ＭＳ Ｐゴシック"/>
        <family val="3"/>
        <charset val="128"/>
      </rPr>
      <t>適用除外更新審議中］</t>
    </r>
    <r>
      <rPr>
        <sz val="11"/>
        <rFont val="Arial"/>
        <family val="2"/>
      </rPr>
      <t>*2</t>
    </r>
    <r>
      <rPr>
        <sz val="11"/>
        <rFont val="ＭＳ Ｐゴシック"/>
        <family val="3"/>
        <charset val="128"/>
      </rPr>
      <t>／</t>
    </r>
    <r>
      <rPr>
        <sz val="9"/>
        <rFont val="Arial"/>
        <family val="2"/>
      </rPr>
      <t>Short length (</t>
    </r>
    <r>
      <rPr>
        <sz val="9"/>
        <rFont val="ＭＳ Ｐゴシック"/>
        <family val="3"/>
        <charset val="128"/>
      </rPr>
      <t>≤</t>
    </r>
    <r>
      <rPr>
        <sz val="9"/>
        <rFont val="Arial"/>
        <family val="2"/>
      </rPr>
      <t xml:space="preserve"> 500 mm): under 3.5mg [Under deliberation for exemption renewal in EU]*2</t>
    </r>
    <phoneticPr fontId="9"/>
  </si>
  <si>
    <r>
      <t xml:space="preserve">(b) </t>
    </r>
    <r>
      <rPr>
        <sz val="11"/>
        <rFont val="ＭＳ Ｐゴシック"/>
        <family val="3"/>
        <charset val="128"/>
      </rPr>
      <t>中型（</t>
    </r>
    <r>
      <rPr>
        <sz val="11"/>
        <rFont val="Arial"/>
        <family val="2"/>
      </rPr>
      <t>500mm</t>
    </r>
    <r>
      <rPr>
        <sz val="11"/>
        <rFont val="ＭＳ Ｐゴシック"/>
        <family val="3"/>
        <charset val="128"/>
      </rPr>
      <t>超、かつ</t>
    </r>
    <r>
      <rPr>
        <sz val="11"/>
        <rFont val="Arial"/>
        <family val="2"/>
      </rPr>
      <t>1500mm</t>
    </r>
    <r>
      <rPr>
        <sz val="11"/>
        <rFont val="ＭＳ Ｐゴシック"/>
        <family val="3"/>
        <charset val="128"/>
      </rPr>
      <t>以下）：</t>
    </r>
    <r>
      <rPr>
        <sz val="11"/>
        <rFont val="Arial"/>
        <family val="2"/>
      </rPr>
      <t>5mg</t>
    </r>
    <r>
      <rPr>
        <sz val="11"/>
        <rFont val="ＭＳ Ｐゴシック"/>
        <family val="3"/>
        <charset val="128"/>
      </rPr>
      <t>未満［</t>
    </r>
    <r>
      <rPr>
        <sz val="11"/>
        <rFont val="Arial"/>
        <family val="2"/>
      </rPr>
      <t>EU</t>
    </r>
    <r>
      <rPr>
        <sz val="11"/>
        <rFont val="ＭＳ Ｐゴシック"/>
        <family val="3"/>
        <charset val="128"/>
      </rPr>
      <t>適用除外更新審議中］</t>
    </r>
    <r>
      <rPr>
        <sz val="11"/>
        <rFont val="Arial"/>
        <family val="2"/>
      </rPr>
      <t>*2</t>
    </r>
    <r>
      <rPr>
        <sz val="11"/>
        <rFont val="ＭＳ Ｐゴシック"/>
        <family val="3"/>
        <charset val="128"/>
      </rPr>
      <t>／</t>
    </r>
    <r>
      <rPr>
        <sz val="9"/>
        <color theme="1"/>
        <rFont val="Arial"/>
        <family val="2"/>
      </rPr>
      <t/>
    </r>
    <phoneticPr fontId="9"/>
  </si>
  <si>
    <r>
      <t xml:space="preserve">Medium length (&gt; 500 mm and </t>
    </r>
    <r>
      <rPr>
        <sz val="9"/>
        <rFont val="ＭＳ Ｐゴシック"/>
        <family val="3"/>
        <charset val="128"/>
      </rPr>
      <t>≤</t>
    </r>
    <r>
      <rPr>
        <sz val="9"/>
        <rFont val="Arial"/>
        <family val="2"/>
      </rPr>
      <t xml:space="preserve"> 1500 mm): under 5mg [Under deliberation for exemption renewal in EU]*2</t>
    </r>
    <phoneticPr fontId="9"/>
  </si>
  <si>
    <r>
      <t xml:space="preserve">(c) </t>
    </r>
    <r>
      <rPr>
        <sz val="11"/>
        <rFont val="ＭＳ Ｐゴシック"/>
        <family val="3"/>
        <charset val="128"/>
      </rPr>
      <t>長型（</t>
    </r>
    <r>
      <rPr>
        <sz val="11"/>
        <rFont val="Arial"/>
        <family val="2"/>
      </rPr>
      <t>1500mm</t>
    </r>
    <r>
      <rPr>
        <sz val="11"/>
        <rFont val="ＭＳ Ｐゴシック"/>
        <family val="3"/>
        <charset val="128"/>
      </rPr>
      <t>超）：</t>
    </r>
    <r>
      <rPr>
        <sz val="11"/>
        <rFont val="Arial"/>
        <family val="2"/>
      </rPr>
      <t>13mg</t>
    </r>
    <r>
      <rPr>
        <sz val="11"/>
        <rFont val="ＭＳ Ｐゴシック"/>
        <family val="3"/>
        <charset val="128"/>
      </rPr>
      <t>未満［</t>
    </r>
    <r>
      <rPr>
        <sz val="11"/>
        <rFont val="Arial"/>
        <family val="2"/>
      </rPr>
      <t>EU</t>
    </r>
    <r>
      <rPr>
        <sz val="11"/>
        <rFont val="ＭＳ Ｐゴシック"/>
        <family val="3"/>
        <charset val="128"/>
      </rPr>
      <t>適用除外更新審議中］</t>
    </r>
    <r>
      <rPr>
        <sz val="11"/>
        <rFont val="Arial"/>
        <family val="2"/>
      </rPr>
      <t>*2</t>
    </r>
    <r>
      <rPr>
        <sz val="11"/>
        <rFont val="ＭＳ Ｐゴシック"/>
        <family val="3"/>
        <charset val="128"/>
      </rPr>
      <t>／</t>
    </r>
    <r>
      <rPr>
        <sz val="9"/>
        <rFont val="Arial"/>
        <family val="2"/>
      </rPr>
      <t>Long length (&gt; 1500 mm): under 13mg [Under deliberation for exemption renewal in EU]*2</t>
    </r>
    <phoneticPr fontId="9"/>
  </si>
  <si>
    <r>
      <rPr>
        <sz val="11"/>
        <rFont val="ＭＳ Ｐゴシック"/>
        <family val="3"/>
        <charset val="128"/>
      </rPr>
      <t>ハロゲン化金属ランプ（</t>
    </r>
    <r>
      <rPr>
        <sz val="11"/>
        <rFont val="Arial"/>
        <family val="2"/>
      </rPr>
      <t>MH</t>
    </r>
    <r>
      <rPr>
        <sz val="11"/>
        <rFont val="ＭＳ Ｐゴシック"/>
        <family val="3"/>
        <charset val="128"/>
      </rPr>
      <t>）中に使用されている［</t>
    </r>
    <r>
      <rPr>
        <sz val="11"/>
        <rFont val="Arial"/>
        <family val="2"/>
      </rPr>
      <t>EU</t>
    </r>
    <r>
      <rPr>
        <sz val="11"/>
        <rFont val="ＭＳ Ｐゴシック"/>
        <family val="3"/>
        <charset val="128"/>
      </rPr>
      <t>適用除外更新審議中］</t>
    </r>
    <r>
      <rPr>
        <sz val="11"/>
        <rFont val="Arial"/>
        <family val="2"/>
      </rPr>
      <t>*2</t>
    </r>
    <r>
      <rPr>
        <sz val="11"/>
        <rFont val="ＭＳ Ｐゴシック"/>
        <family val="3"/>
        <charset val="128"/>
      </rPr>
      <t>／</t>
    </r>
    <r>
      <rPr>
        <sz val="9"/>
        <rFont val="Arial"/>
        <family val="2"/>
      </rPr>
      <t>Used in metal halide lamps (MH). [Under deliberation for exemption renewal in EU]*2</t>
    </r>
    <phoneticPr fontId="9"/>
  </si>
  <si>
    <r>
      <t>EU RoHS</t>
    </r>
    <r>
      <rPr>
        <sz val="11"/>
        <rFont val="ＭＳ Ｐゴシック"/>
        <family val="3"/>
        <charset val="128"/>
      </rPr>
      <t>指令（</t>
    </r>
    <r>
      <rPr>
        <sz val="11"/>
        <rFont val="Arial"/>
        <family val="2"/>
      </rPr>
      <t>2011/65/EU</t>
    </r>
    <r>
      <rPr>
        <sz val="11"/>
        <rFont val="ＭＳ Ｐゴシック"/>
        <family val="3"/>
        <charset val="128"/>
      </rPr>
      <t>）附属書</t>
    </r>
    <r>
      <rPr>
        <sz val="11"/>
        <rFont val="Arial"/>
        <family val="2"/>
      </rPr>
      <t>III</t>
    </r>
    <r>
      <rPr>
        <sz val="11"/>
        <rFont val="ＭＳ Ｐゴシック"/>
        <family val="3"/>
        <charset val="128"/>
      </rPr>
      <t>の</t>
    </r>
    <r>
      <rPr>
        <sz val="11"/>
        <rFont val="Arial"/>
        <family val="2"/>
      </rPr>
      <t>4(f)</t>
    </r>
    <r>
      <rPr>
        <sz val="11"/>
        <rFont val="ＭＳ Ｐゴシック"/>
        <family val="3"/>
        <charset val="128"/>
      </rPr>
      <t>に定められている特殊用途放電ランプに使用されている［</t>
    </r>
    <r>
      <rPr>
        <sz val="11"/>
        <rFont val="Arial"/>
        <family val="2"/>
      </rPr>
      <t>EU</t>
    </r>
    <r>
      <rPr>
        <sz val="11"/>
        <rFont val="ＭＳ Ｐゴシック"/>
        <family val="3"/>
        <charset val="128"/>
      </rPr>
      <t>適用除外更新審議中］</t>
    </r>
    <r>
      <rPr>
        <sz val="11"/>
        <rFont val="Arial"/>
        <family val="2"/>
      </rPr>
      <t>*2</t>
    </r>
    <r>
      <rPr>
        <sz val="11"/>
        <rFont val="ＭＳ Ｐゴシック"/>
        <family val="3"/>
        <charset val="128"/>
      </rPr>
      <t>／</t>
    </r>
    <phoneticPr fontId="9"/>
  </si>
  <si>
    <r>
      <rPr>
        <sz val="11"/>
        <rFont val="ＭＳ Ｐゴシック"/>
        <family val="3"/>
        <charset val="128"/>
      </rPr>
      <t>「</t>
    </r>
    <r>
      <rPr>
        <sz val="11"/>
        <rFont val="Arial"/>
        <family val="2"/>
      </rPr>
      <t>EU RoHS</t>
    </r>
    <r>
      <rPr>
        <sz val="11"/>
        <rFont val="ＭＳ Ｐゴシック"/>
        <family val="3"/>
        <charset val="128"/>
      </rPr>
      <t>指令の規制対象」且つ「玩具または育児用</t>
    </r>
    <r>
      <rPr>
        <sz val="11"/>
        <rFont val="Arial"/>
        <family val="2"/>
      </rPr>
      <t xml:space="preserve"> </t>
    </r>
    <r>
      <rPr>
        <sz val="11"/>
        <rFont val="ＭＳ Ｐゴシック"/>
        <family val="3"/>
        <charset val="128"/>
      </rPr>
      <t>以外」の製品に使用される部品・部材において、</t>
    </r>
    <r>
      <rPr>
        <sz val="11"/>
        <rFont val="Arial"/>
        <family val="2"/>
      </rPr>
      <t>DEHP</t>
    </r>
    <r>
      <rPr>
        <sz val="11"/>
        <rFont val="ＭＳ Ｐゴシック"/>
        <family val="3"/>
        <charset val="128"/>
      </rPr>
      <t>、</t>
    </r>
    <r>
      <rPr>
        <sz val="11"/>
        <rFont val="Arial"/>
        <family val="2"/>
      </rPr>
      <t>DBP</t>
    </r>
    <r>
      <rPr>
        <sz val="11"/>
        <rFont val="ＭＳ Ｐゴシック"/>
        <family val="3"/>
        <charset val="128"/>
      </rPr>
      <t>、</t>
    </r>
    <r>
      <rPr>
        <sz val="11"/>
        <rFont val="Arial"/>
        <family val="2"/>
      </rPr>
      <t>BBP</t>
    </r>
    <r>
      <rPr>
        <sz val="11"/>
        <rFont val="ＭＳ Ｐゴシック"/>
        <family val="3"/>
        <charset val="128"/>
      </rPr>
      <t>、</t>
    </r>
    <r>
      <rPr>
        <sz val="11"/>
        <rFont val="Arial"/>
        <family val="2"/>
      </rPr>
      <t>DIBP</t>
    </r>
    <r>
      <rPr>
        <sz val="11"/>
        <rFont val="ＭＳ Ｐゴシック"/>
        <family val="3"/>
        <charset val="128"/>
      </rPr>
      <t>が、個々に</t>
    </r>
    <r>
      <rPr>
        <sz val="11"/>
        <rFont val="Arial"/>
        <family val="2"/>
      </rPr>
      <t>1000ppm</t>
    </r>
    <r>
      <rPr>
        <sz val="11"/>
        <rFont val="ＭＳ Ｐゴシック"/>
        <family val="3"/>
        <charset val="128"/>
      </rPr>
      <t>以下の含有である／</t>
    </r>
    <phoneticPr fontId="9"/>
  </si>
  <si>
    <r>
      <t>*1) EU RoHS</t>
    </r>
    <r>
      <rPr>
        <b/>
        <sz val="8"/>
        <color theme="1"/>
        <rFont val="ＭＳ Ｐゴシック"/>
        <family val="3"/>
        <charset val="128"/>
      </rPr>
      <t>指令（</t>
    </r>
    <r>
      <rPr>
        <b/>
        <sz val="8"/>
        <color theme="1"/>
        <rFont val="Arial"/>
        <family val="2"/>
      </rPr>
      <t>2011/65/EU</t>
    </r>
    <r>
      <rPr>
        <b/>
        <sz val="8"/>
        <color theme="1"/>
        <rFont val="ＭＳ Ｐゴシック"/>
        <family val="3"/>
        <charset val="128"/>
      </rPr>
      <t>）附属書</t>
    </r>
    <r>
      <rPr>
        <b/>
        <sz val="8"/>
        <color theme="1"/>
        <rFont val="Arial"/>
        <family val="2"/>
      </rPr>
      <t>III</t>
    </r>
    <r>
      <rPr>
        <b/>
        <sz val="8"/>
        <color theme="1"/>
        <rFont val="ＭＳ Ｐゴシック"/>
        <family val="3"/>
        <charset val="128"/>
      </rPr>
      <t>における適用除外用途番号です／</t>
    </r>
    <phoneticPr fontId="9"/>
  </si>
  <si>
    <r>
      <t>B.</t>
    </r>
    <r>
      <rPr>
        <b/>
        <sz val="12"/>
        <color theme="1"/>
        <rFont val="ＭＳ Ｐゴシック"/>
        <family val="3"/>
        <charset val="128"/>
      </rPr>
      <t>その他／</t>
    </r>
    <r>
      <rPr>
        <b/>
        <sz val="9"/>
        <color theme="1"/>
        <rFont val="Arial"/>
        <family val="2"/>
      </rPr>
      <t>Others</t>
    </r>
    <phoneticPr fontId="9"/>
  </si>
  <si>
    <r>
      <rPr>
        <sz val="11"/>
        <color theme="1"/>
        <rFont val="ＭＳ Ｐゴシック"/>
        <family val="3"/>
        <charset val="128"/>
      </rPr>
      <t>化学物質名／</t>
    </r>
    <r>
      <rPr>
        <sz val="9"/>
        <color theme="1"/>
        <rFont val="Arial"/>
        <family val="2"/>
      </rPr>
      <t>Substances</t>
    </r>
    <phoneticPr fontId="9"/>
  </si>
  <si>
    <r>
      <rPr>
        <sz val="11"/>
        <color theme="1"/>
        <rFont val="ＭＳ Ｐゴシック"/>
        <family val="3"/>
        <charset val="128"/>
      </rPr>
      <t>トリブチルスズ</t>
    </r>
    <r>
      <rPr>
        <sz val="11"/>
        <color theme="1"/>
        <rFont val="Arial"/>
        <family val="2"/>
      </rPr>
      <t>=</t>
    </r>
    <r>
      <rPr>
        <sz val="11"/>
        <color theme="1"/>
        <rFont val="ＭＳ Ｐゴシック"/>
        <family val="3"/>
        <charset val="128"/>
      </rPr>
      <t>オキシド（</t>
    </r>
    <r>
      <rPr>
        <sz val="11"/>
        <color theme="1"/>
        <rFont val="Arial"/>
        <family val="2"/>
      </rPr>
      <t>TBTO</t>
    </r>
    <r>
      <rPr>
        <sz val="11"/>
        <color theme="1"/>
        <rFont val="ＭＳ Ｐゴシック"/>
        <family val="3"/>
        <charset val="128"/>
      </rPr>
      <t>）／</t>
    </r>
    <phoneticPr fontId="9"/>
  </si>
  <si>
    <r>
      <rPr>
        <sz val="11"/>
        <color theme="1"/>
        <rFont val="ＭＳ Ｐゴシック"/>
        <family val="3"/>
        <charset val="128"/>
      </rPr>
      <t>意図的に添加せず、かつ</t>
    </r>
    <r>
      <rPr>
        <sz val="11"/>
        <color theme="1"/>
        <rFont val="Arial"/>
        <family val="2"/>
      </rPr>
      <t>1000ppm</t>
    </r>
    <r>
      <rPr>
        <sz val="11"/>
        <color theme="1"/>
        <rFont val="ＭＳ Ｐゴシック"/>
        <family val="3"/>
        <charset val="128"/>
      </rPr>
      <t>以下の含有である／</t>
    </r>
    <phoneticPr fontId="9"/>
  </si>
  <si>
    <r>
      <rPr>
        <sz val="11"/>
        <color theme="1"/>
        <rFont val="ＭＳ Ｐゴシック"/>
        <family val="3"/>
        <charset val="128"/>
      </rPr>
      <t>三置換有機スズ化合物／</t>
    </r>
    <phoneticPr fontId="9"/>
  </si>
  <si>
    <r>
      <rPr>
        <sz val="11"/>
        <color theme="1"/>
        <rFont val="ＭＳ Ｐゴシック"/>
        <family val="3"/>
        <charset val="128"/>
      </rPr>
      <t>ポリ塩化ビフェニル類（</t>
    </r>
    <r>
      <rPr>
        <sz val="11"/>
        <color theme="1"/>
        <rFont val="Arial"/>
        <family val="2"/>
      </rPr>
      <t>PCB</t>
    </r>
    <r>
      <rPr>
        <sz val="11"/>
        <color theme="1"/>
        <rFont val="ＭＳ Ｐゴシック"/>
        <family val="3"/>
        <charset val="128"/>
      </rPr>
      <t>類）、及び特定代替物質／</t>
    </r>
    <phoneticPr fontId="9"/>
  </si>
  <si>
    <r>
      <rPr>
        <sz val="11"/>
        <color theme="1"/>
        <rFont val="ＭＳ Ｐゴシック"/>
        <family val="3"/>
        <charset val="128"/>
      </rPr>
      <t>意図的に添加していない／</t>
    </r>
    <phoneticPr fontId="9"/>
  </si>
  <si>
    <r>
      <rPr>
        <sz val="11"/>
        <rFont val="ＭＳ Ｐゴシック"/>
        <family val="3"/>
        <charset val="128"/>
      </rPr>
      <t>ポリ塩化ナフタレン／</t>
    </r>
    <phoneticPr fontId="10"/>
  </si>
  <si>
    <r>
      <rPr>
        <sz val="11"/>
        <color theme="1"/>
        <rFont val="ＭＳ Ｐゴシック"/>
        <family val="3"/>
        <charset val="128"/>
      </rPr>
      <t>短鎖型塩化パラフィン／</t>
    </r>
    <phoneticPr fontId="9"/>
  </si>
  <si>
    <r>
      <rPr>
        <sz val="11"/>
        <color theme="1"/>
        <rFont val="ＭＳ Ｐゴシック"/>
        <family val="3"/>
        <charset val="128"/>
      </rPr>
      <t>意図的に添加していない（</t>
    </r>
    <r>
      <rPr>
        <sz val="11"/>
        <color theme="1"/>
        <rFont val="Arial"/>
        <family val="2"/>
      </rPr>
      <t>C</t>
    </r>
    <r>
      <rPr>
        <sz val="11"/>
        <color theme="1"/>
        <rFont val="ＭＳ Ｐゴシック"/>
        <family val="3"/>
        <charset val="128"/>
      </rPr>
      <t>：</t>
    </r>
    <r>
      <rPr>
        <sz val="11"/>
        <color theme="1"/>
        <rFont val="Arial"/>
        <family val="2"/>
      </rPr>
      <t>10</t>
    </r>
    <r>
      <rPr>
        <sz val="11"/>
        <color theme="1"/>
        <rFont val="ＭＳ Ｐゴシック"/>
        <family val="3"/>
        <charset val="128"/>
      </rPr>
      <t>～</t>
    </r>
    <r>
      <rPr>
        <sz val="11"/>
        <color theme="1"/>
        <rFont val="Arial"/>
        <family val="2"/>
      </rPr>
      <t>13</t>
    </r>
    <r>
      <rPr>
        <sz val="11"/>
        <color theme="1"/>
        <rFont val="ＭＳ Ｐゴシック"/>
        <family val="3"/>
        <charset val="128"/>
      </rPr>
      <t>のみが対象）／</t>
    </r>
    <phoneticPr fontId="9"/>
  </si>
  <si>
    <r>
      <rPr>
        <sz val="11"/>
        <color theme="1"/>
        <rFont val="ＭＳ Ｐゴシック"/>
        <family val="3"/>
        <charset val="128"/>
      </rPr>
      <t>アスベスト類／</t>
    </r>
    <phoneticPr fontId="9"/>
  </si>
  <si>
    <r>
      <rPr>
        <sz val="11"/>
        <color theme="1"/>
        <rFont val="ＭＳ Ｐゴシック"/>
        <family val="3"/>
        <charset val="128"/>
      </rPr>
      <t>ポリ塩化ターフェニル類</t>
    </r>
    <r>
      <rPr>
        <sz val="11"/>
        <color theme="1"/>
        <rFont val="Arial"/>
        <family val="2"/>
      </rPr>
      <t xml:space="preserve"> </t>
    </r>
    <r>
      <rPr>
        <sz val="11"/>
        <color theme="1"/>
        <rFont val="ＭＳ Ｐゴシック"/>
        <family val="3"/>
        <charset val="128"/>
      </rPr>
      <t>（</t>
    </r>
    <r>
      <rPr>
        <sz val="11"/>
        <color theme="1"/>
        <rFont val="Arial"/>
        <family val="2"/>
      </rPr>
      <t>PCT</t>
    </r>
    <r>
      <rPr>
        <sz val="11"/>
        <color theme="1"/>
        <rFont val="ＭＳ Ｐゴシック"/>
        <family val="3"/>
        <charset val="128"/>
      </rPr>
      <t>類）／</t>
    </r>
    <phoneticPr fontId="9"/>
  </si>
  <si>
    <r>
      <rPr>
        <sz val="11"/>
        <color theme="1"/>
        <rFont val="ＭＳ Ｐゴシック"/>
        <family val="3"/>
        <charset val="128"/>
      </rPr>
      <t>意図的に添加せず、かつ</t>
    </r>
    <r>
      <rPr>
        <sz val="11"/>
        <color theme="1"/>
        <rFont val="Arial"/>
        <family val="2"/>
      </rPr>
      <t>50ppm</t>
    </r>
    <r>
      <rPr>
        <sz val="11"/>
        <color theme="1"/>
        <rFont val="ＭＳ Ｐゴシック"/>
        <family val="3"/>
        <charset val="128"/>
      </rPr>
      <t>以下の含有である／</t>
    </r>
    <phoneticPr fontId="9"/>
  </si>
  <si>
    <r>
      <t>2-</t>
    </r>
    <r>
      <rPr>
        <sz val="11"/>
        <color theme="1"/>
        <rFont val="ＭＳ Ｐゴシック"/>
        <family val="3"/>
        <charset val="128"/>
      </rPr>
      <t>（</t>
    </r>
    <r>
      <rPr>
        <sz val="11"/>
        <color theme="1"/>
        <rFont val="Arial"/>
        <family val="2"/>
      </rPr>
      <t>2H-1,2,3-</t>
    </r>
    <r>
      <rPr>
        <sz val="11"/>
        <color theme="1"/>
        <rFont val="ＭＳ Ｐゴシック"/>
        <family val="3"/>
        <charset val="128"/>
      </rPr>
      <t>ベンゾ</t>
    </r>
    <r>
      <rPr>
        <sz val="11"/>
        <color theme="1"/>
        <rFont val="Arial"/>
        <family val="2"/>
      </rPr>
      <t xml:space="preserve"> </t>
    </r>
    <r>
      <rPr>
        <sz val="11"/>
        <color theme="1"/>
        <rFont val="ＭＳ Ｐゴシック"/>
        <family val="3"/>
        <charset val="128"/>
      </rPr>
      <t>トリアゾール</t>
    </r>
    <r>
      <rPr>
        <sz val="11"/>
        <color theme="1"/>
        <rFont val="Arial"/>
        <family val="2"/>
      </rPr>
      <t>-2-</t>
    </r>
    <r>
      <rPr>
        <sz val="11"/>
        <color theme="1"/>
        <rFont val="ＭＳ Ｐゴシック"/>
        <family val="3"/>
        <charset val="128"/>
      </rPr>
      <t>イル）</t>
    </r>
    <r>
      <rPr>
        <sz val="11"/>
        <color theme="1"/>
        <rFont val="Arial"/>
        <family val="2"/>
      </rPr>
      <t>-4,6-</t>
    </r>
    <r>
      <rPr>
        <sz val="11"/>
        <color theme="1"/>
        <rFont val="ＭＳ Ｐゴシック"/>
        <family val="3"/>
        <charset val="128"/>
      </rPr>
      <t>ジ</t>
    </r>
    <r>
      <rPr>
        <sz val="11"/>
        <color theme="1"/>
        <rFont val="Arial"/>
        <family val="2"/>
      </rPr>
      <t>-tert-</t>
    </r>
    <r>
      <rPr>
        <sz val="11"/>
        <color theme="1"/>
        <rFont val="ＭＳ Ｐゴシック"/>
        <family val="3"/>
        <charset val="128"/>
      </rPr>
      <t>ブチルフェノール／</t>
    </r>
    <phoneticPr fontId="9"/>
  </si>
  <si>
    <r>
      <rPr>
        <sz val="11"/>
        <rFont val="ＭＳ Ｐゴシック"/>
        <family val="3"/>
        <charset val="128"/>
      </rPr>
      <t>ヘキサブロモシクロドデカン（</t>
    </r>
    <r>
      <rPr>
        <sz val="11"/>
        <rFont val="Arial"/>
        <family val="2"/>
      </rPr>
      <t>HBCDD</t>
    </r>
    <r>
      <rPr>
        <sz val="11"/>
        <rFont val="ＭＳ Ｐゴシック"/>
        <family val="3"/>
        <charset val="128"/>
      </rPr>
      <t>）／</t>
    </r>
    <phoneticPr fontId="9"/>
  </si>
  <si>
    <r>
      <rPr>
        <sz val="11"/>
        <rFont val="ＭＳ Ｐゴシック"/>
        <family val="3"/>
        <charset val="128"/>
      </rPr>
      <t>意図的に添加せず、かつ</t>
    </r>
    <r>
      <rPr>
        <sz val="11"/>
        <rFont val="Arial"/>
        <family val="2"/>
      </rPr>
      <t>100ppm</t>
    </r>
    <r>
      <rPr>
        <sz val="11"/>
        <rFont val="ＭＳ Ｐゴシック"/>
        <family val="3"/>
        <charset val="128"/>
      </rPr>
      <t>以下の含有である／</t>
    </r>
    <phoneticPr fontId="9"/>
  </si>
  <si>
    <r>
      <rPr>
        <sz val="11"/>
        <rFont val="ＭＳ Ｐゴシック"/>
        <family val="3"/>
        <charset val="128"/>
      </rPr>
      <t>塩化コバルト／</t>
    </r>
    <phoneticPr fontId="9"/>
  </si>
  <si>
    <r>
      <rPr>
        <sz val="11"/>
        <rFont val="ＭＳ Ｐゴシック"/>
        <family val="3"/>
        <charset val="128"/>
      </rPr>
      <t>意図的に添加せず、かつ</t>
    </r>
    <r>
      <rPr>
        <sz val="11"/>
        <rFont val="Arial"/>
        <family val="2"/>
      </rPr>
      <t>0.1ppm</t>
    </r>
    <r>
      <rPr>
        <sz val="11"/>
        <rFont val="ＭＳ Ｐゴシック"/>
        <family val="3"/>
        <charset val="128"/>
      </rPr>
      <t>以下の含有である／</t>
    </r>
    <phoneticPr fontId="9"/>
  </si>
  <si>
    <r>
      <rPr>
        <sz val="11"/>
        <rFont val="ＭＳ Ｐゴシック"/>
        <family val="3"/>
        <charset val="128"/>
      </rPr>
      <t>アルミノ珪酸塩、耐火セラミック繊維／</t>
    </r>
    <phoneticPr fontId="9"/>
  </si>
  <si>
    <r>
      <rPr>
        <sz val="11"/>
        <rFont val="ＭＳ Ｐゴシック"/>
        <family val="3"/>
        <charset val="128"/>
      </rPr>
      <t>ジルコニアアルミノ珪酸塩、耐火セラミック繊維／</t>
    </r>
    <phoneticPr fontId="9"/>
  </si>
  <si>
    <r>
      <rPr>
        <sz val="11"/>
        <rFont val="ＭＳ Ｐゴシック"/>
        <family val="3"/>
        <charset val="128"/>
      </rPr>
      <t>意図的に添加していない／</t>
    </r>
    <phoneticPr fontId="9"/>
  </si>
  <si>
    <r>
      <rPr>
        <sz val="11"/>
        <rFont val="ＭＳ Ｐゴシック"/>
        <family val="3"/>
        <charset val="128"/>
      </rPr>
      <t>スズの元素として、材料中の</t>
    </r>
    <r>
      <rPr>
        <sz val="11"/>
        <rFont val="Arial"/>
        <family val="2"/>
      </rPr>
      <t>1000ppm</t>
    </r>
    <r>
      <rPr>
        <sz val="11"/>
        <rFont val="ＭＳ Ｐゴシック"/>
        <family val="3"/>
        <charset val="128"/>
      </rPr>
      <t>以下の含有である／</t>
    </r>
    <phoneticPr fontId="9"/>
  </si>
  <si>
    <r>
      <t xml:space="preserve">*1) </t>
    </r>
    <r>
      <rPr>
        <sz val="9"/>
        <rFont val="ＭＳ Ｐゴシック"/>
        <family val="3"/>
        <charset val="128"/>
      </rPr>
      <t>含有率の算出単位は特に記載のない場合は均質材料です／</t>
    </r>
    <phoneticPr fontId="9"/>
  </si>
  <si>
    <r>
      <rPr>
        <sz val="11"/>
        <color theme="1"/>
        <rFont val="ＭＳ Ｐゴシック"/>
        <family val="3"/>
        <charset val="128"/>
      </rPr>
      <t>確認内容（判定基準）／</t>
    </r>
    <r>
      <rPr>
        <sz val="9"/>
        <color theme="1"/>
        <rFont val="Arial"/>
        <family val="2"/>
      </rPr>
      <t>Check point (Criteria)</t>
    </r>
    <r>
      <rPr>
        <sz val="11"/>
        <color theme="1"/>
        <rFont val="Arial"/>
        <family val="2"/>
      </rPr>
      <t xml:space="preserve"> *1) </t>
    </r>
    <phoneticPr fontId="9"/>
  </si>
  <si>
    <r>
      <rPr>
        <sz val="11"/>
        <color theme="1"/>
        <rFont val="ＭＳ Ｐゴシック"/>
        <family val="3"/>
        <charset val="128"/>
      </rPr>
      <t>ベリリウム及びその化合物／</t>
    </r>
    <phoneticPr fontId="9"/>
  </si>
  <si>
    <r>
      <t>RoHS</t>
    </r>
    <r>
      <rPr>
        <sz val="11"/>
        <rFont val="ＭＳ Ｐゴシック"/>
        <family val="3"/>
        <charset val="128"/>
      </rPr>
      <t>関連のフタル酸エステル</t>
    </r>
    <r>
      <rPr>
        <sz val="11"/>
        <rFont val="Arial"/>
        <family val="2"/>
      </rPr>
      <t>4</t>
    </r>
    <r>
      <rPr>
        <sz val="11"/>
        <rFont val="ＭＳ Ｐゴシック"/>
        <family val="3"/>
        <charset val="128"/>
      </rPr>
      <t>物質以外のフタル酸エステル類／</t>
    </r>
    <phoneticPr fontId="9"/>
  </si>
  <si>
    <r>
      <rPr>
        <sz val="11"/>
        <color theme="1"/>
        <rFont val="ＭＳ Ｐゴシック"/>
        <family val="3"/>
        <charset val="128"/>
      </rPr>
      <t>パーフルオロオクタンスルホン酸塩（</t>
    </r>
    <r>
      <rPr>
        <sz val="11"/>
        <color theme="1"/>
        <rFont val="Arial"/>
        <family val="2"/>
      </rPr>
      <t>PFOS</t>
    </r>
    <r>
      <rPr>
        <sz val="11"/>
        <color theme="1"/>
        <rFont val="ＭＳ Ｐゴシック"/>
        <family val="3"/>
        <charset val="128"/>
      </rPr>
      <t>）</t>
    </r>
    <r>
      <rPr>
        <sz val="11"/>
        <color theme="1"/>
        <rFont val="Arial"/>
        <family val="2"/>
      </rPr>
      <t xml:space="preserve"> *2)</t>
    </r>
    <r>
      <rPr>
        <sz val="11"/>
        <color theme="1"/>
        <rFont val="ＭＳ Ｐゴシック"/>
        <family val="3"/>
        <charset val="128"/>
      </rPr>
      <t>／</t>
    </r>
    <phoneticPr fontId="9"/>
  </si>
  <si>
    <r>
      <t>Not intentionally added, and Content in substance/mixture is 10ppm or less, Content of sub-product/article etc. except substance/mixture is 1000ppm or less, Content of coating agent is 1μg/m</t>
    </r>
    <r>
      <rPr>
        <vertAlign val="superscript"/>
        <sz val="9"/>
        <rFont val="Arial"/>
        <family val="2"/>
      </rPr>
      <t>2</t>
    </r>
    <r>
      <rPr>
        <sz val="9"/>
        <rFont val="Arial"/>
        <family val="2"/>
      </rPr>
      <t xml:space="preserve"> or less.</t>
    </r>
    <phoneticPr fontId="9"/>
  </si>
  <si>
    <r>
      <rPr>
        <sz val="11"/>
        <rFont val="ＭＳ Ｐゴシック"/>
        <family val="3"/>
        <charset val="128"/>
      </rPr>
      <t>意図的に添加せず、かつ</t>
    </r>
    <r>
      <rPr>
        <sz val="11"/>
        <rFont val="Arial"/>
        <family val="2"/>
      </rPr>
      <t>1000ppm</t>
    </r>
    <r>
      <rPr>
        <sz val="11"/>
        <rFont val="ＭＳ Ｐゴシック"/>
        <family val="3"/>
        <charset val="128"/>
      </rPr>
      <t>以下の含有である／</t>
    </r>
    <phoneticPr fontId="9"/>
  </si>
  <si>
    <r>
      <rPr>
        <sz val="11"/>
        <rFont val="ＭＳ Ｐゴシック"/>
        <family val="3"/>
        <charset val="128"/>
      </rPr>
      <t>ジオクチルスズ化合物</t>
    </r>
    <r>
      <rPr>
        <sz val="11"/>
        <rFont val="Arial"/>
        <family val="2"/>
      </rPr>
      <t xml:space="preserve"> </t>
    </r>
    <r>
      <rPr>
        <sz val="11"/>
        <rFont val="ＭＳ Ｐゴシック"/>
        <family val="3"/>
        <charset val="128"/>
      </rPr>
      <t>（</t>
    </r>
    <r>
      <rPr>
        <sz val="11"/>
        <rFont val="Arial"/>
        <family val="2"/>
      </rPr>
      <t>DOT</t>
    </r>
    <r>
      <rPr>
        <sz val="11"/>
        <rFont val="ＭＳ Ｐゴシック"/>
        <family val="3"/>
        <charset val="128"/>
      </rPr>
      <t>）／</t>
    </r>
    <phoneticPr fontId="9"/>
  </si>
  <si>
    <r>
      <rPr>
        <sz val="11"/>
        <rFont val="ＭＳ Ｐゴシック"/>
        <family val="3"/>
        <charset val="128"/>
      </rPr>
      <t>成形品質量中または混合物中において、下記</t>
    </r>
    <r>
      <rPr>
        <sz val="11"/>
        <rFont val="Arial"/>
        <family val="2"/>
      </rPr>
      <t>(1)</t>
    </r>
    <r>
      <rPr>
        <sz val="11"/>
        <rFont val="ＭＳ Ｐゴシック"/>
        <family val="3"/>
        <charset val="128"/>
      </rPr>
      <t>及び</t>
    </r>
    <r>
      <rPr>
        <sz val="11"/>
        <rFont val="Arial"/>
        <family val="2"/>
      </rPr>
      <t>(2)</t>
    </r>
    <r>
      <rPr>
        <sz val="11"/>
        <rFont val="ＭＳ Ｐゴシック"/>
        <family val="3"/>
        <charset val="128"/>
      </rPr>
      <t xml:space="preserve">を満たす。
</t>
    </r>
    <r>
      <rPr>
        <sz val="11"/>
        <rFont val="Arial"/>
        <family val="2"/>
      </rPr>
      <t>(1) PFOA</t>
    </r>
    <r>
      <rPr>
        <sz val="11"/>
        <rFont val="ＭＳ Ｐゴシック"/>
        <family val="3"/>
        <charset val="128"/>
      </rPr>
      <t>（塩を含む）の場合、</t>
    </r>
    <r>
      <rPr>
        <sz val="11"/>
        <rFont val="Arial"/>
        <family val="2"/>
      </rPr>
      <t>25ppb</t>
    </r>
    <r>
      <rPr>
        <sz val="11"/>
        <rFont val="ＭＳ Ｐゴシック"/>
        <family val="3"/>
        <charset val="128"/>
      </rPr>
      <t xml:space="preserve">未満である。
</t>
    </r>
    <r>
      <rPr>
        <sz val="11"/>
        <rFont val="Arial"/>
        <family val="2"/>
      </rPr>
      <t>(2) 1</t>
    </r>
    <r>
      <rPr>
        <sz val="11"/>
        <rFont val="ＭＳ Ｐゴシック"/>
        <family val="3"/>
        <charset val="128"/>
      </rPr>
      <t>つまたは複数の</t>
    </r>
    <r>
      <rPr>
        <sz val="11"/>
        <rFont val="Arial"/>
        <family val="2"/>
      </rPr>
      <t>PFOA</t>
    </r>
    <r>
      <rPr>
        <sz val="11"/>
        <rFont val="ＭＳ Ｐゴシック"/>
        <family val="3"/>
        <charset val="128"/>
      </rPr>
      <t xml:space="preserve">関連物質の組み合せの場合、
</t>
    </r>
    <r>
      <rPr>
        <sz val="11"/>
        <rFont val="Arial"/>
        <family val="2"/>
      </rPr>
      <t xml:space="preserve">    </t>
    </r>
    <r>
      <rPr>
        <sz val="11"/>
        <rFont val="ＭＳ Ｐゴシック"/>
        <family val="3"/>
        <charset val="128"/>
      </rPr>
      <t>濃度合計が、</t>
    </r>
    <r>
      <rPr>
        <sz val="11"/>
        <rFont val="Arial"/>
        <family val="2"/>
      </rPr>
      <t>1000ppb</t>
    </r>
    <r>
      <rPr>
        <sz val="11"/>
        <rFont val="ＭＳ Ｐゴシック"/>
        <family val="3"/>
        <charset val="128"/>
      </rPr>
      <t>（</t>
    </r>
    <r>
      <rPr>
        <sz val="11"/>
        <rFont val="Arial"/>
        <family val="2"/>
      </rPr>
      <t>1ppm</t>
    </r>
    <r>
      <rPr>
        <sz val="11"/>
        <rFont val="ＭＳ Ｐゴシック"/>
        <family val="3"/>
        <charset val="128"/>
      </rPr>
      <t>）未満である／</t>
    </r>
    <phoneticPr fontId="9"/>
  </si>
  <si>
    <r>
      <t xml:space="preserve">*1) </t>
    </r>
    <r>
      <rPr>
        <sz val="9"/>
        <color theme="1"/>
        <rFont val="ＭＳ Ｐゴシック"/>
        <family val="3"/>
        <charset val="128"/>
      </rPr>
      <t>含有率の算出単位は特に記載のない場合は均質材料です／</t>
    </r>
    <phoneticPr fontId="9"/>
  </si>
  <si>
    <r>
      <t>*2) “</t>
    </r>
    <r>
      <rPr>
        <sz val="9"/>
        <color theme="1"/>
        <rFont val="ＭＳ Ｐゴシック"/>
        <family val="3"/>
        <charset val="128"/>
      </rPr>
      <t>パーフルオロオクタンスルホン酸及びその塩</t>
    </r>
    <r>
      <rPr>
        <sz val="9"/>
        <color theme="1"/>
        <rFont val="Arial"/>
        <family val="2"/>
      </rPr>
      <t>”</t>
    </r>
    <r>
      <rPr>
        <sz val="9"/>
        <color theme="1"/>
        <rFont val="ＭＳ Ｐゴシック"/>
        <family val="3"/>
        <charset val="128"/>
      </rPr>
      <t>に関しては、</t>
    </r>
    <r>
      <rPr>
        <sz val="9"/>
        <color theme="1"/>
        <rFont val="Arial"/>
        <family val="2"/>
      </rPr>
      <t xml:space="preserve">CAS No. </t>
    </r>
    <r>
      <rPr>
        <sz val="9"/>
        <color theme="1"/>
        <rFont val="ＭＳ Ｐゴシック"/>
        <family val="3"/>
        <charset val="128"/>
      </rPr>
      <t>が次のものが対象です。（</t>
    </r>
    <r>
      <rPr>
        <sz val="9"/>
        <color theme="1"/>
        <rFont val="Arial"/>
        <family val="2"/>
      </rPr>
      <t>1763-23-1</t>
    </r>
    <r>
      <rPr>
        <sz val="9"/>
        <color theme="1"/>
        <rFont val="ＭＳ Ｐゴシック"/>
        <family val="3"/>
        <charset val="128"/>
      </rPr>
      <t>、</t>
    </r>
    <r>
      <rPr>
        <sz val="9"/>
        <color theme="1"/>
        <rFont val="Arial"/>
        <family val="2"/>
      </rPr>
      <t>307-35-7</t>
    </r>
    <r>
      <rPr>
        <sz val="9"/>
        <color theme="1"/>
        <rFont val="ＭＳ Ｐゴシック"/>
        <family val="3"/>
        <charset val="128"/>
      </rPr>
      <t>、</t>
    </r>
    <r>
      <rPr>
        <sz val="9"/>
        <color theme="1"/>
        <rFont val="Arial"/>
        <family val="2"/>
      </rPr>
      <t>29457-72-5</t>
    </r>
    <r>
      <rPr>
        <sz val="9"/>
        <color theme="1"/>
        <rFont val="ＭＳ Ｐゴシック"/>
        <family val="3"/>
        <charset val="128"/>
      </rPr>
      <t>、</t>
    </r>
    <r>
      <rPr>
        <sz val="9"/>
        <color theme="1"/>
        <rFont val="Arial"/>
        <family val="2"/>
      </rPr>
      <t>2795-39-3)</t>
    </r>
    <r>
      <rPr>
        <sz val="9"/>
        <color theme="1"/>
        <rFont val="ＭＳ Ｐゴシック"/>
        <family val="3"/>
        <charset val="128"/>
      </rPr>
      <t>／</t>
    </r>
    <phoneticPr fontId="9"/>
  </si>
  <si>
    <r>
      <rPr>
        <sz val="11"/>
        <color theme="1"/>
        <rFont val="ＭＳ Ｐゴシック"/>
        <family val="3"/>
        <charset val="128"/>
      </rPr>
      <t>オゾン層破壊物質／</t>
    </r>
    <phoneticPr fontId="9"/>
  </si>
  <si>
    <r>
      <rPr>
        <sz val="11"/>
        <color theme="1"/>
        <rFont val="ＭＳ Ｐゴシック"/>
        <family val="3"/>
        <charset val="128"/>
      </rPr>
      <t>（モントリオール議定書</t>
    </r>
    <r>
      <rPr>
        <sz val="11"/>
        <color theme="1"/>
        <rFont val="Arial"/>
        <family val="2"/>
      </rPr>
      <t>Class I, II</t>
    </r>
    <r>
      <rPr>
        <sz val="11"/>
        <color theme="1"/>
        <rFont val="ＭＳ Ｐゴシック"/>
        <family val="3"/>
        <charset val="128"/>
      </rPr>
      <t>が対象）／</t>
    </r>
    <phoneticPr fontId="9"/>
  </si>
  <si>
    <r>
      <rPr>
        <sz val="11"/>
        <color theme="1"/>
        <rFont val="ＭＳ Ｐゴシック"/>
        <family val="3"/>
        <charset val="128"/>
      </rPr>
      <t>洗浄液：／</t>
    </r>
    <phoneticPr fontId="9"/>
  </si>
  <si>
    <r>
      <t>1000ppm</t>
    </r>
    <r>
      <rPr>
        <sz val="11"/>
        <color theme="1"/>
        <rFont val="ＭＳ Ｐゴシック"/>
        <family val="3"/>
        <charset val="128"/>
      </rPr>
      <t>以下の含有である／</t>
    </r>
    <phoneticPr fontId="9"/>
  </si>
  <si>
    <r>
      <rPr>
        <sz val="11"/>
        <rFont val="ＭＳ Ｐゴシック"/>
        <family val="3"/>
        <charset val="128"/>
      </rPr>
      <t>フタル酸ジ（</t>
    </r>
    <r>
      <rPr>
        <sz val="11"/>
        <rFont val="Arial"/>
        <family val="2"/>
      </rPr>
      <t>2-</t>
    </r>
    <r>
      <rPr>
        <sz val="11"/>
        <rFont val="ＭＳ Ｐゴシック"/>
        <family val="3"/>
        <charset val="128"/>
      </rPr>
      <t>エチルヘキシル）（</t>
    </r>
    <r>
      <rPr>
        <sz val="11"/>
        <rFont val="Arial"/>
        <family val="2"/>
      </rPr>
      <t>DEHP</t>
    </r>
    <r>
      <rPr>
        <sz val="11"/>
        <rFont val="ＭＳ Ｐゴシック"/>
        <family val="3"/>
        <charset val="128"/>
      </rPr>
      <t>）、フタル酸ジブチル（</t>
    </r>
    <r>
      <rPr>
        <sz val="11"/>
        <rFont val="Arial"/>
        <family val="2"/>
      </rPr>
      <t>DBP</t>
    </r>
    <r>
      <rPr>
        <sz val="11"/>
        <rFont val="ＭＳ Ｐゴシック"/>
        <family val="3"/>
        <charset val="128"/>
      </rPr>
      <t>）、フタル酸ブチルベンジル（</t>
    </r>
    <r>
      <rPr>
        <sz val="11"/>
        <rFont val="Arial"/>
        <family val="2"/>
      </rPr>
      <t>BBP</t>
    </r>
    <r>
      <rPr>
        <sz val="11"/>
        <rFont val="ＭＳ Ｐゴシック"/>
        <family val="3"/>
        <charset val="128"/>
      </rPr>
      <t>）、フタル酸ジイソブチル（</t>
    </r>
    <r>
      <rPr>
        <sz val="11"/>
        <rFont val="Arial"/>
        <family val="2"/>
      </rPr>
      <t>DIBP</t>
    </r>
    <r>
      <rPr>
        <sz val="11"/>
        <rFont val="ＭＳ Ｐゴシック"/>
        <family val="3"/>
        <charset val="128"/>
      </rPr>
      <t>）</t>
    </r>
    <r>
      <rPr>
        <sz val="11"/>
        <rFont val="Arial"/>
        <family val="2"/>
      </rPr>
      <t>*3)</t>
    </r>
    <r>
      <rPr>
        <sz val="11"/>
        <rFont val="ＭＳ Ｐゴシック"/>
        <family val="3"/>
        <charset val="128"/>
      </rPr>
      <t>／</t>
    </r>
    <phoneticPr fontId="9"/>
  </si>
  <si>
    <r>
      <t>*3) 4</t>
    </r>
    <r>
      <rPr>
        <sz val="9"/>
        <rFont val="ＭＳ Ｐゴシック"/>
        <family val="3"/>
        <charset val="128"/>
      </rPr>
      <t>種のフタル酸エステル（</t>
    </r>
    <r>
      <rPr>
        <sz val="9"/>
        <rFont val="Arial"/>
        <family val="2"/>
      </rPr>
      <t>DEHP</t>
    </r>
    <r>
      <rPr>
        <sz val="9"/>
        <rFont val="ＭＳ Ｐゴシック"/>
        <family val="3"/>
        <charset val="128"/>
      </rPr>
      <t>、</t>
    </r>
    <r>
      <rPr>
        <sz val="9"/>
        <rFont val="Arial"/>
        <family val="2"/>
      </rPr>
      <t>BBP</t>
    </r>
    <r>
      <rPr>
        <sz val="9"/>
        <rFont val="ＭＳ Ｐゴシック"/>
        <family val="3"/>
        <charset val="128"/>
      </rPr>
      <t>、</t>
    </r>
    <r>
      <rPr>
        <sz val="9"/>
        <rFont val="Arial"/>
        <family val="2"/>
      </rPr>
      <t>DBP</t>
    </r>
    <r>
      <rPr>
        <sz val="9"/>
        <rFont val="ＭＳ Ｐゴシック"/>
        <family val="3"/>
        <charset val="128"/>
      </rPr>
      <t>、</t>
    </r>
    <r>
      <rPr>
        <sz val="9"/>
        <rFont val="Arial"/>
        <family val="2"/>
      </rPr>
      <t>DIBP</t>
    </r>
    <r>
      <rPr>
        <sz val="9"/>
        <rFont val="ＭＳ Ｐゴシック"/>
        <family val="3"/>
        <charset val="128"/>
      </rPr>
      <t xml:space="preserve">）は、主に軟質樹脂の可塑剤として使用されており、接触により他の成形品から移動する性質（移行性）を持ちます。
</t>
    </r>
    <r>
      <rPr>
        <sz val="9"/>
        <rFont val="Arial"/>
        <family val="2"/>
      </rPr>
      <t xml:space="preserve">      </t>
    </r>
    <r>
      <rPr>
        <sz val="9"/>
        <rFont val="ＭＳ Ｐゴシック"/>
        <family val="3"/>
        <charset val="128"/>
      </rPr>
      <t>包装材から部品・材料への移行の可能性があるため、部品・材料を納入いただく際の包装材も同様の基準で判断いただきご報告ください／</t>
    </r>
    <phoneticPr fontId="9"/>
  </si>
  <si>
    <t>Using exemptions listed in EU POPs regulation Annex I Part A other than above and having permission from adoption decision.</t>
  </si>
  <si>
    <r>
      <t xml:space="preserve">(b) </t>
    </r>
    <r>
      <rPr>
        <sz val="11"/>
        <rFont val="ＭＳ Ｐゴシック"/>
        <family val="3"/>
        <charset val="128"/>
      </rPr>
      <t>機械加工用途のアルミ材中</t>
    </r>
    <r>
      <rPr>
        <sz val="11"/>
        <rFont val="Arial"/>
        <family val="2"/>
      </rPr>
      <t>0.4wt%</t>
    </r>
    <r>
      <rPr>
        <sz val="11"/>
        <rFont val="ＭＳ Ｐゴシック"/>
        <family val="3"/>
        <charset val="128"/>
      </rPr>
      <t>未満</t>
    </r>
    <r>
      <rPr>
        <sz val="11"/>
        <rFont val="Arial"/>
        <family val="2"/>
      </rPr>
      <t xml:space="preserve"> </t>
    </r>
    <r>
      <rPr>
        <sz val="11"/>
        <rFont val="ＭＳ Ｐゴシック"/>
        <family val="3"/>
        <charset val="128"/>
      </rPr>
      <t>［</t>
    </r>
    <r>
      <rPr>
        <sz val="11"/>
        <rFont val="Arial"/>
        <family val="2"/>
      </rPr>
      <t>EU</t>
    </r>
    <r>
      <rPr>
        <sz val="11"/>
        <rFont val="ＭＳ Ｐゴシック"/>
        <family val="3"/>
        <charset val="128"/>
      </rPr>
      <t>適用除外更新審議中］</t>
    </r>
    <r>
      <rPr>
        <sz val="11"/>
        <rFont val="Arial"/>
        <family val="2"/>
      </rPr>
      <t>*2</t>
    </r>
    <r>
      <rPr>
        <sz val="11"/>
        <rFont val="ＭＳ Ｐゴシック"/>
        <family val="3"/>
        <charset val="128"/>
      </rPr>
      <t>／</t>
    </r>
    <r>
      <rPr>
        <sz val="9"/>
        <rFont val="Arial"/>
        <family val="2"/>
      </rPr>
      <t>Used less than 0.4% by weight in aluminium alloy for machining purposes [Under deliberation for exemption renewal in EU]*2</t>
    </r>
    <rPh sb="4" eb="6">
      <t>キカイ</t>
    </rPh>
    <rPh sb="6" eb="8">
      <t>カコウ</t>
    </rPh>
    <rPh sb="8" eb="10">
      <t>ヨウト</t>
    </rPh>
    <phoneticPr fontId="9"/>
  </si>
  <si>
    <t>Used in cold cathode fluorescent lamps and external electrode fluorescent lamps (CCFL and EEFL) for special purposes (per lamp):</t>
    <phoneticPr fontId="9"/>
  </si>
  <si>
    <r>
      <rPr>
        <sz val="9"/>
        <color rgb="FFFF0000"/>
        <rFont val="ＭＳ Ｐゴシック"/>
        <family val="3"/>
        <charset val="128"/>
      </rPr>
      <t>［このシートは提出不要です］</t>
    </r>
    <rPh sb="7" eb="9">
      <t>テイシュツ</t>
    </rPh>
    <rPh sb="9" eb="11">
      <t>フヨウ</t>
    </rPh>
    <phoneticPr fontId="9"/>
  </si>
  <si>
    <t>1.</t>
    <phoneticPr fontId="9"/>
  </si>
  <si>
    <r>
      <rPr>
        <sz val="11"/>
        <rFont val="ＭＳ Ｐゴシック"/>
        <family val="3"/>
        <charset val="128"/>
      </rPr>
      <t>本報告書は以下のシートで構成されています：</t>
    </r>
    <rPh sb="0" eb="1">
      <t>ホン</t>
    </rPh>
    <rPh sb="1" eb="4">
      <t>ホウコクショ</t>
    </rPh>
    <rPh sb="5" eb="7">
      <t>イカ</t>
    </rPh>
    <rPh sb="12" eb="14">
      <t>コウセイ</t>
    </rPh>
    <phoneticPr fontId="9"/>
  </si>
  <si>
    <r>
      <t xml:space="preserve"> </t>
    </r>
    <r>
      <rPr>
        <sz val="9"/>
        <rFont val="ＭＳ Ｐゴシック"/>
        <family val="3"/>
        <charset val="128"/>
      </rPr>
      <t>シート</t>
    </r>
    <phoneticPr fontId="9"/>
  </si>
  <si>
    <r>
      <t xml:space="preserve"> </t>
    </r>
    <r>
      <rPr>
        <sz val="9"/>
        <rFont val="ＭＳ Ｐゴシック"/>
        <family val="3"/>
        <charset val="128"/>
      </rPr>
      <t>内容</t>
    </r>
    <rPh sb="1" eb="3">
      <t>ナイヨウ</t>
    </rPh>
    <phoneticPr fontId="9"/>
  </si>
  <si>
    <r>
      <rPr>
        <sz val="9"/>
        <rFont val="ＭＳ Ｐゴシック"/>
        <family val="3"/>
        <charset val="128"/>
      </rPr>
      <t>ページ</t>
    </r>
    <phoneticPr fontId="9"/>
  </si>
  <si>
    <t xml:space="preserve"> A. RoHS</t>
    <phoneticPr fontId="9"/>
  </si>
  <si>
    <r>
      <t xml:space="preserve"> A1. </t>
    </r>
    <r>
      <rPr>
        <sz val="9"/>
        <rFont val="ＭＳ Ｐゴシック"/>
        <family val="3"/>
        <charset val="128"/>
      </rPr>
      <t>全面的に使用を禁止する化学物質の製品への含有について</t>
    </r>
    <rPh sb="21" eb="23">
      <t>セイヒン</t>
    </rPh>
    <phoneticPr fontId="9"/>
  </si>
  <si>
    <r>
      <t xml:space="preserve"> A2. </t>
    </r>
    <r>
      <rPr>
        <sz val="9"/>
        <rFont val="ＭＳ Ｐゴシック"/>
        <family val="3"/>
        <charset val="128"/>
      </rPr>
      <t>条件により使用を禁止する化学物質の製品への含有について</t>
    </r>
    <rPh sb="22" eb="24">
      <t>セイヒン</t>
    </rPh>
    <phoneticPr fontId="9"/>
  </si>
  <si>
    <t xml:space="preserve"> B. Others</t>
    <phoneticPr fontId="9"/>
  </si>
  <si>
    <r>
      <t xml:space="preserve"> B1. </t>
    </r>
    <r>
      <rPr>
        <sz val="9"/>
        <rFont val="ＭＳ Ｐゴシック"/>
        <family val="3"/>
        <charset val="128"/>
      </rPr>
      <t>全面的に使用を禁止する化学物質の製品への含有について</t>
    </r>
    <phoneticPr fontId="9"/>
  </si>
  <si>
    <r>
      <t xml:space="preserve"> B2. </t>
    </r>
    <r>
      <rPr>
        <sz val="9"/>
        <rFont val="ＭＳ Ｐゴシック"/>
        <family val="3"/>
        <charset val="128"/>
      </rPr>
      <t>条件により使用を禁止する化学物質の製品への含有について</t>
    </r>
    <phoneticPr fontId="9"/>
  </si>
  <si>
    <r>
      <t xml:space="preserve"> B3. </t>
    </r>
    <r>
      <rPr>
        <sz val="9"/>
        <rFont val="ＭＳ Ｐゴシック"/>
        <family val="3"/>
        <charset val="128"/>
      </rPr>
      <t>オゾン層破壊物質の製品への含有及び製造工程での使用有無について</t>
    </r>
    <phoneticPr fontId="9"/>
  </si>
  <si>
    <t xml:space="preserve"> A (appendix). RoHS </t>
    <phoneticPr fontId="75"/>
  </si>
  <si>
    <r>
      <t xml:space="preserve"> A2-</t>
    </r>
    <r>
      <rPr>
        <sz val="9"/>
        <rFont val="ＭＳ Ｐゴシック"/>
        <family val="3"/>
        <charset val="128"/>
      </rPr>
      <t>別表</t>
    </r>
    <rPh sb="4" eb="6">
      <t>ベッピョウ</t>
    </rPh>
    <phoneticPr fontId="9"/>
  </si>
  <si>
    <t>RoHS (appendix) 
1/1</t>
    <phoneticPr fontId="9"/>
  </si>
  <si>
    <t xml:space="preserve"> B (appendix). Others</t>
    <phoneticPr fontId="9"/>
  </si>
  <si>
    <r>
      <t xml:space="preserve"> B2-</t>
    </r>
    <r>
      <rPr>
        <sz val="9"/>
        <rFont val="ＭＳ Ｐゴシック"/>
        <family val="3"/>
        <charset val="128"/>
      </rPr>
      <t>別表</t>
    </r>
    <rPh sb="4" eb="6">
      <t>ベッピョウ</t>
    </rPh>
    <phoneticPr fontId="9"/>
  </si>
  <si>
    <r>
      <t>1/2</t>
    </r>
    <r>
      <rPr>
        <sz val="9"/>
        <rFont val="ＭＳ Ｐゴシック"/>
        <family val="3"/>
        <charset val="128"/>
      </rPr>
      <t>～</t>
    </r>
    <r>
      <rPr>
        <sz val="9"/>
        <rFont val="Arial"/>
        <family val="2"/>
      </rPr>
      <t>2/2</t>
    </r>
    <phoneticPr fontId="9"/>
  </si>
  <si>
    <t>1/1</t>
    <phoneticPr fontId="9"/>
  </si>
  <si>
    <r>
      <rPr>
        <sz val="11"/>
        <rFont val="ＭＳ Ｐゴシック"/>
        <family val="3"/>
        <charset val="128"/>
      </rPr>
      <t>すべてのシートの提出をお願いします。但し、「</t>
    </r>
    <r>
      <rPr>
        <sz val="11"/>
        <rFont val="Arial"/>
        <family val="2"/>
      </rPr>
      <t>A2-</t>
    </r>
    <r>
      <rPr>
        <sz val="11"/>
        <rFont val="ＭＳ Ｐゴシック"/>
        <family val="3"/>
        <charset val="128"/>
      </rPr>
      <t>別表」、「</t>
    </r>
    <r>
      <rPr>
        <sz val="11"/>
        <rFont val="Arial"/>
        <family val="2"/>
      </rPr>
      <t>B2-</t>
    </r>
    <r>
      <rPr>
        <sz val="11"/>
        <rFont val="ＭＳ Ｐゴシック"/>
        <family val="3"/>
        <charset val="128"/>
      </rPr>
      <t>別表」、「</t>
    </r>
    <r>
      <rPr>
        <sz val="11"/>
        <rFont val="Arial"/>
        <family val="2"/>
      </rPr>
      <t>C2-</t>
    </r>
    <r>
      <rPr>
        <sz val="11"/>
        <rFont val="ＭＳ Ｐゴシック"/>
        <family val="3"/>
        <charset val="128"/>
      </rPr>
      <t>別表」につきましては、</t>
    </r>
    <rPh sb="18" eb="19">
      <t>タダ</t>
    </rPh>
    <rPh sb="25" eb="27">
      <t>ベッピョウ</t>
    </rPh>
    <rPh sb="41" eb="43">
      <t>ベッピョウ</t>
    </rPh>
    <phoneticPr fontId="9"/>
  </si>
  <si>
    <r>
      <t>A2</t>
    </r>
    <r>
      <rPr>
        <sz val="11"/>
        <rFont val="ＭＳ Ｐゴシック"/>
        <family val="3"/>
        <charset val="128"/>
      </rPr>
      <t>、</t>
    </r>
    <r>
      <rPr>
        <sz val="11"/>
        <rFont val="Arial"/>
        <family val="2"/>
      </rPr>
      <t>B2</t>
    </r>
    <r>
      <rPr>
        <sz val="11"/>
        <rFont val="ＭＳ Ｐゴシック"/>
        <family val="3"/>
        <charset val="128"/>
      </rPr>
      <t>、</t>
    </r>
    <r>
      <rPr>
        <sz val="11"/>
        <rFont val="Arial"/>
        <family val="2"/>
      </rPr>
      <t>C2</t>
    </r>
    <r>
      <rPr>
        <sz val="11"/>
        <rFont val="ＭＳ Ｐゴシック"/>
        <family val="3"/>
        <charset val="128"/>
      </rPr>
      <t>の「条件により使用を禁止する化学物質」の含有がある場合に提出してください。</t>
    </r>
    <rPh sb="28" eb="30">
      <t>ガンユウ</t>
    </rPh>
    <phoneticPr fontId="9"/>
  </si>
  <si>
    <r>
      <rPr>
        <sz val="11"/>
        <rFont val="ＭＳ Ｐゴシック"/>
        <family val="3"/>
        <charset val="128"/>
      </rPr>
      <t>作成日</t>
    </r>
    <rPh sb="0" eb="3">
      <t>サクセイビ</t>
    </rPh>
    <phoneticPr fontId="9"/>
  </si>
  <si>
    <r>
      <rPr>
        <sz val="11"/>
        <rFont val="ＭＳ Ｐゴシック"/>
        <family val="3"/>
        <charset val="128"/>
      </rPr>
      <t>会社名・部署名</t>
    </r>
    <rPh sb="0" eb="3">
      <t>カイシャメイ</t>
    </rPh>
    <rPh sb="4" eb="6">
      <t>ブショ</t>
    </rPh>
    <rPh sb="6" eb="7">
      <t>メイ</t>
    </rPh>
    <phoneticPr fontId="9"/>
  </si>
  <si>
    <r>
      <rPr>
        <sz val="11"/>
        <rFont val="ＭＳ Ｐゴシック"/>
        <family val="3"/>
        <charset val="128"/>
      </rPr>
      <t>を記載する欄がありますので、入力（記入）をしてください。</t>
    </r>
    <rPh sb="1" eb="3">
      <t>キサイ</t>
    </rPh>
    <rPh sb="5" eb="6">
      <t>ラン</t>
    </rPh>
    <rPh sb="14" eb="16">
      <t>ニュウリョク</t>
    </rPh>
    <rPh sb="17" eb="19">
      <t>キニュウ</t>
    </rPh>
    <phoneticPr fontId="9"/>
  </si>
  <si>
    <r>
      <rPr>
        <sz val="11"/>
        <rFont val="ＭＳ Ｐゴシック"/>
        <family val="3"/>
        <charset val="128"/>
      </rPr>
      <t>責任者、記入者の入力（記入）および押印またはサインをしてください。</t>
    </r>
    <rPh sb="0" eb="3">
      <t>セキニンシャ</t>
    </rPh>
    <rPh sb="4" eb="6">
      <t>キニュウ</t>
    </rPh>
    <rPh sb="6" eb="7">
      <t>シャ</t>
    </rPh>
    <rPh sb="8" eb="10">
      <t>ニュウリョク</t>
    </rPh>
    <rPh sb="11" eb="13">
      <t>キニュウ</t>
    </rPh>
    <rPh sb="17" eb="19">
      <t>オウイン</t>
    </rPh>
    <phoneticPr fontId="9"/>
  </si>
  <si>
    <r>
      <rPr>
        <sz val="11"/>
        <rFont val="ＭＳ Ｐゴシック"/>
        <family val="3"/>
        <charset val="128"/>
      </rPr>
      <t>［日本語又は英語で入力（記入）して下さい。その他言語は使用しないで下さい。］</t>
    </r>
    <phoneticPr fontId="9"/>
  </si>
  <si>
    <t>3.</t>
    <phoneticPr fontId="9"/>
  </si>
  <si>
    <r>
      <rPr>
        <sz val="11"/>
        <rFont val="ＭＳ Ｐゴシック"/>
        <family val="3"/>
        <charset val="128"/>
      </rPr>
      <t>「</t>
    </r>
    <r>
      <rPr>
        <sz val="11"/>
        <rFont val="Arial"/>
        <family val="2"/>
      </rPr>
      <t>A. RoHS</t>
    </r>
    <r>
      <rPr>
        <sz val="11"/>
        <rFont val="ＭＳ Ｐゴシック"/>
        <family val="3"/>
        <charset val="128"/>
      </rPr>
      <t>」シートの調査確認製品欄へは、以下の内容を入力（記入）してください。</t>
    </r>
    <rPh sb="19" eb="20">
      <t>ラン</t>
    </rPh>
    <rPh sb="23" eb="25">
      <t>イカ</t>
    </rPh>
    <rPh sb="26" eb="28">
      <t>ナイヨウ</t>
    </rPh>
    <rPh sb="29" eb="31">
      <t>ニュウリョク</t>
    </rPh>
    <rPh sb="32" eb="34">
      <t>キニュウ</t>
    </rPh>
    <phoneticPr fontId="9"/>
  </si>
  <si>
    <r>
      <t>1</t>
    </r>
    <r>
      <rPr>
        <sz val="10.5"/>
        <rFont val="ＭＳ Ｐゴシック"/>
        <family val="3"/>
        <charset val="128"/>
      </rPr>
      <t>）</t>
    </r>
    <r>
      <rPr>
        <sz val="10.5"/>
        <rFont val="Arial"/>
        <family val="2"/>
      </rPr>
      <t xml:space="preserve"> </t>
    </r>
    <r>
      <rPr>
        <sz val="10.5"/>
        <rFont val="ＭＳ Ｐゴシック"/>
        <family val="3"/>
        <charset val="128"/>
      </rPr>
      <t>製品名</t>
    </r>
    <rPh sb="3" eb="6">
      <t>セイヒンメイ</t>
    </rPh>
    <phoneticPr fontId="9"/>
  </si>
  <si>
    <r>
      <rPr>
        <sz val="10.5"/>
        <rFont val="ＭＳ Ｐゴシック"/>
        <family val="3"/>
        <charset val="128"/>
      </rPr>
      <t>：</t>
    </r>
    <phoneticPr fontId="9"/>
  </si>
  <si>
    <r>
      <rPr>
        <sz val="10.5"/>
        <rFont val="ＭＳ Ｐゴシック"/>
        <family val="3"/>
        <charset val="128"/>
      </rPr>
      <t>納入いただく製品名</t>
    </r>
    <phoneticPr fontId="9"/>
  </si>
  <si>
    <r>
      <rPr>
        <sz val="10.5"/>
        <rFont val="ＭＳ Ｐゴシック"/>
        <family val="3"/>
        <charset val="128"/>
      </rPr>
      <t>納入いただく製品に割り当てられた当社の部品コード</t>
    </r>
    <phoneticPr fontId="9"/>
  </si>
  <si>
    <r>
      <t>3</t>
    </r>
    <r>
      <rPr>
        <sz val="10.5"/>
        <rFont val="ＭＳ Ｐゴシック"/>
        <family val="3"/>
        <charset val="128"/>
      </rPr>
      <t>）</t>
    </r>
    <r>
      <rPr>
        <sz val="10.5"/>
        <rFont val="Arial"/>
        <family val="2"/>
      </rPr>
      <t xml:space="preserve"> </t>
    </r>
    <r>
      <rPr>
        <sz val="10.5"/>
        <rFont val="ＭＳ Ｐゴシック"/>
        <family val="3"/>
        <charset val="128"/>
      </rPr>
      <t>メーカー型番</t>
    </r>
    <rPh sb="7" eb="9">
      <t>カタバン</t>
    </rPh>
    <phoneticPr fontId="9"/>
  </si>
  <si>
    <r>
      <rPr>
        <sz val="10.5"/>
        <rFont val="ＭＳ Ｐゴシック"/>
        <family val="3"/>
        <charset val="128"/>
      </rPr>
      <t>：</t>
    </r>
    <phoneticPr fontId="9"/>
  </si>
  <si>
    <r>
      <rPr>
        <sz val="10.5"/>
        <rFont val="ＭＳ Ｐゴシック"/>
        <family val="3"/>
        <charset val="128"/>
      </rPr>
      <t>納入いただく製品の貴社型番</t>
    </r>
    <rPh sb="9" eb="11">
      <t>キシャ</t>
    </rPh>
    <phoneticPr fontId="9"/>
  </si>
  <si>
    <r>
      <t>4</t>
    </r>
    <r>
      <rPr>
        <sz val="10.5"/>
        <rFont val="ＭＳ Ｐゴシック"/>
        <family val="3"/>
        <charset val="128"/>
      </rPr>
      <t>）</t>
    </r>
    <r>
      <rPr>
        <sz val="10.5"/>
        <rFont val="Arial"/>
        <family val="2"/>
      </rPr>
      <t xml:space="preserve"> </t>
    </r>
    <r>
      <rPr>
        <sz val="10.5"/>
        <rFont val="ＭＳ Ｐゴシック"/>
        <family val="3"/>
        <charset val="128"/>
      </rPr>
      <t>製品質量［</t>
    </r>
    <r>
      <rPr>
        <sz val="10.5"/>
        <rFont val="Arial"/>
        <family val="2"/>
      </rPr>
      <t>g</t>
    </r>
    <r>
      <rPr>
        <sz val="10.5"/>
        <rFont val="ＭＳ Ｐゴシック"/>
        <family val="3"/>
        <charset val="128"/>
      </rPr>
      <t>］</t>
    </r>
    <rPh sb="3" eb="5">
      <t>セイヒン</t>
    </rPh>
    <rPh sb="5" eb="7">
      <t>シツリョウ</t>
    </rPh>
    <phoneticPr fontId="9"/>
  </si>
  <si>
    <r>
      <rPr>
        <sz val="10.5"/>
        <rFont val="ＭＳ Ｐゴシック"/>
        <family val="3"/>
        <charset val="128"/>
      </rPr>
      <t>納入いただく製品の質量</t>
    </r>
    <phoneticPr fontId="9"/>
  </si>
  <si>
    <t>4.</t>
    <phoneticPr fontId="9"/>
  </si>
  <si>
    <r>
      <rPr>
        <sz val="10.5"/>
        <rFont val="ＭＳ Ｐゴシック"/>
        <family val="3"/>
        <charset val="128"/>
      </rPr>
      <t>納入いただく製品に割り当てられた当社の部品コード</t>
    </r>
    <phoneticPr fontId="9"/>
  </si>
  <si>
    <r>
      <t>4</t>
    </r>
    <r>
      <rPr>
        <sz val="10.5"/>
        <rFont val="ＭＳ Ｐゴシック"/>
        <family val="3"/>
        <charset val="128"/>
      </rPr>
      <t>）</t>
    </r>
    <r>
      <rPr>
        <sz val="10.5"/>
        <rFont val="Arial"/>
        <family val="2"/>
      </rPr>
      <t xml:space="preserve"> </t>
    </r>
    <r>
      <rPr>
        <sz val="10.5"/>
        <rFont val="ＭＳ Ｐゴシック"/>
        <family val="3"/>
        <charset val="128"/>
      </rPr>
      <t>生産地（工場名）</t>
    </r>
    <rPh sb="3" eb="6">
      <t>セイサンチ</t>
    </rPh>
    <rPh sb="7" eb="9">
      <t>コウジョウ</t>
    </rPh>
    <rPh sb="9" eb="10">
      <t>メイ</t>
    </rPh>
    <phoneticPr fontId="9"/>
  </si>
  <si>
    <t>納入いただく製品の生産地（工場名）</t>
    <rPh sb="9" eb="12">
      <t>セイサンチ</t>
    </rPh>
    <rPh sb="13" eb="15">
      <t>コウジョウ</t>
    </rPh>
    <rPh sb="15" eb="16">
      <t>メイ</t>
    </rPh>
    <phoneticPr fontId="9"/>
  </si>
  <si>
    <t>5.</t>
    <phoneticPr fontId="9"/>
  </si>
  <si>
    <r>
      <rPr>
        <sz val="11"/>
        <rFont val="ＭＳ Ｐゴシック"/>
        <family val="3"/>
        <charset val="128"/>
      </rPr>
      <t>直接本エクセルシートに入力いただく場合、</t>
    </r>
    <rPh sb="0" eb="2">
      <t>チョクセツ</t>
    </rPh>
    <rPh sb="2" eb="3">
      <t>ホン</t>
    </rPh>
    <rPh sb="11" eb="13">
      <t>ニュウリョク</t>
    </rPh>
    <rPh sb="17" eb="19">
      <t>バアイ</t>
    </rPh>
    <phoneticPr fontId="9"/>
  </si>
  <si>
    <r>
      <rPr>
        <sz val="11"/>
        <rFont val="ＭＳ Ｐゴシック"/>
        <family val="3"/>
        <charset val="128"/>
      </rPr>
      <t>「確認結果／</t>
    </r>
    <r>
      <rPr>
        <sz val="11"/>
        <rFont val="Arial"/>
        <family val="2"/>
      </rPr>
      <t>Result</t>
    </r>
    <r>
      <rPr>
        <sz val="11"/>
        <rFont val="ＭＳ Ｐゴシック"/>
        <family val="3"/>
        <charset val="128"/>
      </rPr>
      <t>」欄はドロップダウンとなっていますので、</t>
    </r>
    <rPh sb="1" eb="3">
      <t>カクニン</t>
    </rPh>
    <rPh sb="3" eb="5">
      <t>ケッカ</t>
    </rPh>
    <rPh sb="13" eb="14">
      <t>ラン</t>
    </rPh>
    <phoneticPr fontId="9"/>
  </si>
  <si>
    <r>
      <rPr>
        <sz val="11"/>
        <rFont val="ＭＳ Ｐゴシック"/>
        <family val="3"/>
        <charset val="128"/>
      </rPr>
      <t>表示されるリストより結果を選択してください。</t>
    </r>
    <rPh sb="0" eb="2">
      <t>ヒョウジ</t>
    </rPh>
    <rPh sb="10" eb="12">
      <t>ケッカ</t>
    </rPh>
    <rPh sb="13" eb="15">
      <t>センタク</t>
    </rPh>
    <phoneticPr fontId="9"/>
  </si>
  <si>
    <t>6.</t>
    <phoneticPr fontId="9"/>
  </si>
  <si>
    <r>
      <rPr>
        <sz val="11"/>
        <rFont val="ＭＳ Ｐゴシック"/>
        <family val="3"/>
        <charset val="128"/>
      </rPr>
      <t>報告書への入力（記載）内容に変更が生じた場合は、</t>
    </r>
    <rPh sb="0" eb="3">
      <t>ホウコクショ</t>
    </rPh>
    <rPh sb="5" eb="7">
      <t>ニュウリョク</t>
    </rPh>
    <rPh sb="8" eb="10">
      <t>キサイ</t>
    </rPh>
    <rPh sb="11" eb="13">
      <t>ナイヨウ</t>
    </rPh>
    <rPh sb="14" eb="16">
      <t>ヘンコウ</t>
    </rPh>
    <rPh sb="17" eb="18">
      <t>ショウ</t>
    </rPh>
    <rPh sb="20" eb="22">
      <t>バアイ</t>
    </rPh>
    <phoneticPr fontId="9"/>
  </si>
  <si>
    <r>
      <rPr>
        <sz val="11"/>
        <rFont val="ＭＳ Ｐゴシック"/>
        <family val="3"/>
        <charset val="128"/>
      </rPr>
      <t>速やかに変更した報告書を提出してください。</t>
    </r>
    <rPh sb="0" eb="1">
      <t>スミ</t>
    </rPh>
    <rPh sb="4" eb="6">
      <t>ヘンコウ</t>
    </rPh>
    <rPh sb="8" eb="10">
      <t>ホウコク</t>
    </rPh>
    <rPh sb="10" eb="11">
      <t>ショ</t>
    </rPh>
    <rPh sb="12" eb="14">
      <t>テイシュツ</t>
    </rPh>
    <phoneticPr fontId="9"/>
  </si>
  <si>
    <t xml:space="preserve">[There is no need to attach] </t>
    <phoneticPr fontId="9"/>
  </si>
  <si>
    <t>1.</t>
    <phoneticPr fontId="9"/>
  </si>
  <si>
    <r>
      <t>This report consists of following sheets</t>
    </r>
    <r>
      <rPr>
        <sz val="11"/>
        <rFont val="ＭＳ Ｐゴシック"/>
        <family val="3"/>
        <charset val="128"/>
      </rPr>
      <t>：</t>
    </r>
    <phoneticPr fontId="9"/>
  </si>
  <si>
    <t xml:space="preserve"> Sheet</t>
    <phoneticPr fontId="9"/>
  </si>
  <si>
    <t xml:space="preserve"> Content</t>
    <phoneticPr fontId="9"/>
  </si>
  <si>
    <t>Page</t>
    <phoneticPr fontId="9"/>
  </si>
  <si>
    <t xml:space="preserve"> A. RoHS</t>
    <phoneticPr fontId="9"/>
  </si>
  <si>
    <t xml:space="preserve"> A1. Presence of banned substances in the product</t>
    <phoneticPr fontId="9"/>
  </si>
  <si>
    <t>1/3</t>
    <phoneticPr fontId="9"/>
  </si>
  <si>
    <t xml:space="preserve"> A2. Presence of banned substances depending on application</t>
    <phoneticPr fontId="9"/>
  </si>
  <si>
    <t xml:space="preserve"> B. Others</t>
    <phoneticPr fontId="9"/>
  </si>
  <si>
    <t xml:space="preserve"> B1. Presence of banned substances in the product</t>
    <phoneticPr fontId="9"/>
  </si>
  <si>
    <t>2/3 ~ 3/3</t>
    <phoneticPr fontId="9"/>
  </si>
  <si>
    <t xml:space="preserve"> B2. Presence of banned substances depending on application</t>
    <phoneticPr fontId="9"/>
  </si>
  <si>
    <t xml:space="preserve"> B3. Ozone-depleting substances contained in the product or used in manufacturing</t>
    <phoneticPr fontId="9"/>
  </si>
  <si>
    <t xml:space="preserve"> A2-Appendix</t>
    <phoneticPr fontId="9"/>
  </si>
  <si>
    <t>RoHS (appendix) 
1/1</t>
    <phoneticPr fontId="9"/>
  </si>
  <si>
    <t xml:space="preserve"> B (appendix). Others</t>
    <phoneticPr fontId="9"/>
  </si>
  <si>
    <t xml:space="preserve"> B2-Appendix</t>
    <phoneticPr fontId="9"/>
  </si>
  <si>
    <r>
      <t>1/2</t>
    </r>
    <r>
      <rPr>
        <sz val="9"/>
        <rFont val="ＭＳ Ｐゴシック"/>
        <family val="3"/>
        <charset val="128"/>
      </rPr>
      <t>～</t>
    </r>
    <r>
      <rPr>
        <sz val="9"/>
        <rFont val="Arial"/>
        <family val="2"/>
      </rPr>
      <t>2/2</t>
    </r>
    <phoneticPr fontId="9"/>
  </si>
  <si>
    <t xml:space="preserve"> C2-Appendix</t>
    <phoneticPr fontId="9"/>
  </si>
  <si>
    <t>1/1</t>
    <phoneticPr fontId="9"/>
  </si>
  <si>
    <t>please attach when the "banned substances depending on application" in A2, B2 and/or C2 are contained.</t>
    <phoneticPr fontId="9"/>
  </si>
  <si>
    <t>2.</t>
    <phoneticPr fontId="9"/>
  </si>
  <si>
    <t xml:space="preserve">In this report, there are entry fields as follows: </t>
    <phoneticPr fontId="9"/>
  </si>
  <si>
    <t>- "Date"</t>
    <phoneticPr fontId="9"/>
  </si>
  <si>
    <t>- "Company name"</t>
    <phoneticPr fontId="9"/>
  </si>
  <si>
    <t>- "Department"</t>
    <phoneticPr fontId="9"/>
  </si>
  <si>
    <t>- "Responsible by" and his/her signature or seal</t>
    <phoneticPr fontId="9"/>
  </si>
  <si>
    <t>- "Written by" and his/her signature or seal</t>
    <phoneticPr fontId="9"/>
  </si>
  <si>
    <t>Please fill in above fields.</t>
    <phoneticPr fontId="9"/>
  </si>
  <si>
    <t>Use only Japanese or English, don't use other language.</t>
    <phoneticPr fontId="9"/>
  </si>
  <si>
    <t>In the fields of "Information on surveyed product" on the sheet "A. RoHS", please fill the contents below:</t>
    <phoneticPr fontId="9"/>
  </si>
  <si>
    <r>
      <t>1</t>
    </r>
    <r>
      <rPr>
        <sz val="11"/>
        <rFont val="ＭＳ Ｐゴシック"/>
        <family val="3"/>
        <charset val="128"/>
      </rPr>
      <t>）</t>
    </r>
    <r>
      <rPr>
        <sz val="11"/>
        <rFont val="Arial"/>
        <family val="2"/>
      </rPr>
      <t xml:space="preserve"> Product Name : the name of the product which you deliver</t>
    </r>
    <phoneticPr fontId="9"/>
  </si>
  <si>
    <r>
      <t>3</t>
    </r>
    <r>
      <rPr>
        <sz val="11"/>
        <rFont val="ＭＳ Ｐゴシック"/>
        <family val="3"/>
        <charset val="128"/>
      </rPr>
      <t>）</t>
    </r>
    <r>
      <rPr>
        <sz val="11"/>
        <rFont val="Arial"/>
        <family val="2"/>
      </rPr>
      <t xml:space="preserve"> Manufacturer's Model Code: the model code assigned by your company</t>
    </r>
    <phoneticPr fontId="9"/>
  </si>
  <si>
    <r>
      <t>4</t>
    </r>
    <r>
      <rPr>
        <sz val="11"/>
        <rFont val="ＭＳ Ｐゴシック"/>
        <family val="3"/>
        <charset val="128"/>
      </rPr>
      <t>）</t>
    </r>
    <r>
      <rPr>
        <sz val="11"/>
        <rFont val="Arial"/>
        <family val="2"/>
      </rPr>
      <t xml:space="preserve"> Product Weight [g] : the weight of the product which you deliver </t>
    </r>
    <phoneticPr fontId="9"/>
  </si>
  <si>
    <r>
      <t>1</t>
    </r>
    <r>
      <rPr>
        <sz val="11"/>
        <rFont val="ＭＳ Ｐゴシック"/>
        <family val="3"/>
        <charset val="128"/>
      </rPr>
      <t>）</t>
    </r>
    <r>
      <rPr>
        <sz val="11"/>
        <rFont val="Arial"/>
        <family val="2"/>
      </rPr>
      <t xml:space="preserve"> Product Name : the name of the product which you deliver</t>
    </r>
    <phoneticPr fontId="9"/>
  </si>
  <si>
    <r>
      <t>3</t>
    </r>
    <r>
      <rPr>
        <sz val="11"/>
        <rFont val="ＭＳ Ｐゴシック"/>
        <family val="3"/>
        <charset val="128"/>
      </rPr>
      <t>）</t>
    </r>
    <r>
      <rPr>
        <sz val="11"/>
        <rFont val="Arial"/>
        <family val="2"/>
      </rPr>
      <t xml:space="preserve"> Manufacturer's Model Code: the model code assigned by your company</t>
    </r>
    <phoneticPr fontId="9"/>
  </si>
  <si>
    <r>
      <t>4</t>
    </r>
    <r>
      <rPr>
        <sz val="11"/>
        <rFont val="ＭＳ Ｐゴシック"/>
        <family val="3"/>
        <charset val="128"/>
      </rPr>
      <t>）</t>
    </r>
    <r>
      <rPr>
        <sz val="11"/>
        <rFont val="Arial"/>
        <family val="2"/>
      </rPr>
      <t xml:space="preserve"> Place of production (Factory name) : production location (factory name) of product which you deliver</t>
    </r>
    <phoneticPr fontId="9"/>
  </si>
  <si>
    <t>5.</t>
    <phoneticPr fontId="9"/>
  </si>
  <si>
    <t>When inputting into each sheet directly,</t>
    <phoneticPr fontId="9"/>
  </si>
  <si>
    <t>please select the answer from the drop-down list of each criteria.</t>
    <phoneticPr fontId="9"/>
  </si>
  <si>
    <t xml:space="preserve">In case of changing the description of this report, </t>
    <phoneticPr fontId="9"/>
  </si>
  <si>
    <r>
      <rPr>
        <sz val="11"/>
        <color theme="1"/>
        <rFont val="ＭＳ Ｐゴシック"/>
        <family val="3"/>
        <charset val="128"/>
      </rPr>
      <t xml:space="preserve">作成日：
</t>
    </r>
    <r>
      <rPr>
        <sz val="9"/>
        <color theme="1"/>
        <rFont val="Arial"/>
        <family val="2"/>
      </rPr>
      <t>Date:</t>
    </r>
    <rPh sb="0" eb="3">
      <t>サクセイビ</t>
    </rPh>
    <phoneticPr fontId="81"/>
  </si>
  <si>
    <r>
      <rPr>
        <sz val="11"/>
        <color theme="1"/>
        <rFont val="ＭＳ Ｐゴシック"/>
        <family val="3"/>
        <charset val="128"/>
      </rPr>
      <t xml:space="preserve">会社名：
</t>
    </r>
    <r>
      <rPr>
        <sz val="9"/>
        <color theme="1"/>
        <rFont val="Arial"/>
        <family val="2"/>
      </rPr>
      <t>Company Name:</t>
    </r>
    <rPh sb="0" eb="2">
      <t>カイシャ</t>
    </rPh>
    <rPh sb="2" eb="3">
      <t>メイ</t>
    </rPh>
    <phoneticPr fontId="81"/>
  </si>
  <si>
    <r>
      <rPr>
        <sz val="11"/>
        <color theme="1"/>
        <rFont val="ＭＳ Ｐゴシック"/>
        <family val="3"/>
        <charset val="128"/>
      </rPr>
      <t xml:space="preserve">部署名：
</t>
    </r>
    <r>
      <rPr>
        <sz val="9"/>
        <color theme="1"/>
        <rFont val="Arial"/>
        <family val="2"/>
      </rPr>
      <t>Department:</t>
    </r>
    <rPh sb="0" eb="2">
      <t>ブショ</t>
    </rPh>
    <rPh sb="2" eb="3">
      <t>メイ</t>
    </rPh>
    <phoneticPr fontId="81"/>
  </si>
  <si>
    <t>No.</t>
    <phoneticPr fontId="81"/>
  </si>
  <si>
    <r>
      <t>CAS</t>
    </r>
    <r>
      <rPr>
        <sz val="11"/>
        <rFont val="ＭＳ Ｐゴシック"/>
        <family val="3"/>
        <charset val="128"/>
      </rPr>
      <t>番号</t>
    </r>
    <r>
      <rPr>
        <sz val="9"/>
        <rFont val="ＭＳ Ｐゴシック"/>
        <family val="3"/>
        <charset val="128"/>
      </rPr>
      <t>／</t>
    </r>
    <r>
      <rPr>
        <sz val="9"/>
        <rFont val="Arial"/>
        <family val="2"/>
      </rPr>
      <t>CAS No.</t>
    </r>
    <rPh sb="3" eb="5">
      <t>バンゴウ</t>
    </rPh>
    <phoneticPr fontId="9"/>
  </si>
  <si>
    <t>TSCA *5)</t>
    <phoneticPr fontId="81"/>
  </si>
  <si>
    <r>
      <t>POP</t>
    </r>
    <r>
      <rPr>
        <sz val="11"/>
        <rFont val="ＭＳ Ｐゴシック"/>
        <family val="3"/>
        <charset val="128"/>
      </rPr>
      <t>ｓ</t>
    </r>
    <r>
      <rPr>
        <sz val="11"/>
        <rFont val="Arial"/>
        <family val="2"/>
      </rPr>
      <t xml:space="preserve"> *6)</t>
    </r>
    <phoneticPr fontId="9"/>
  </si>
  <si>
    <t>81-15-2</t>
    <phoneticPr fontId="9"/>
  </si>
  <si>
    <t>108171-27-3</t>
  </si>
  <si>
    <t>542-75-6</t>
  </si>
  <si>
    <t>7647-01-0</t>
  </si>
  <si>
    <t>12427-38-2</t>
  </si>
  <si>
    <t>134-32-7</t>
  </si>
  <si>
    <r>
      <t>*6</t>
    </r>
    <r>
      <rPr>
        <sz val="10"/>
        <rFont val="ＭＳ Ｐゴシック"/>
        <family val="3"/>
        <charset val="128"/>
      </rPr>
      <t>）</t>
    </r>
    <r>
      <rPr>
        <sz val="10"/>
        <rFont val="Arial"/>
        <family val="2"/>
      </rPr>
      <t xml:space="preserve"> EU POPs</t>
    </r>
    <r>
      <rPr>
        <sz val="10"/>
        <rFont val="ＭＳ Ｐゴシック"/>
        <family val="3"/>
        <charset val="128"/>
      </rPr>
      <t>規則</t>
    </r>
    <r>
      <rPr>
        <sz val="10"/>
        <rFont val="Arial"/>
        <family val="2"/>
      </rPr>
      <t>850-2004-EU</t>
    </r>
    <r>
      <rPr>
        <sz val="10"/>
        <rFont val="ＭＳ Ｐゴシック"/>
        <family val="3"/>
        <charset val="128"/>
      </rPr>
      <t>　</t>
    </r>
    <r>
      <rPr>
        <sz val="10"/>
        <rFont val="Arial"/>
        <family val="2"/>
      </rPr>
      <t>ANNEX I / EU POPs Regulation (EC) 850/2004 ANNEX</t>
    </r>
    <r>
      <rPr>
        <sz val="10"/>
        <rFont val="ＭＳ Ｐゴシック"/>
        <family val="3"/>
        <charset val="128"/>
      </rPr>
      <t>Ⅰ</t>
    </r>
    <phoneticPr fontId="9"/>
  </si>
  <si>
    <t>No.</t>
    <phoneticPr fontId="81"/>
  </si>
  <si>
    <r>
      <t>CAS</t>
    </r>
    <r>
      <rPr>
        <sz val="11"/>
        <rFont val="ＭＳ Ｐゴシック"/>
        <family val="3"/>
        <charset val="128"/>
      </rPr>
      <t>番号／</t>
    </r>
    <r>
      <rPr>
        <sz val="11"/>
        <rFont val="Arial"/>
        <family val="2"/>
      </rPr>
      <t>CAS No.</t>
    </r>
    <rPh sb="3" eb="5">
      <t>バンゴウ</t>
    </rPh>
    <phoneticPr fontId="9"/>
  </si>
  <si>
    <r>
      <rPr>
        <sz val="11"/>
        <rFont val="ＭＳ Ｐゴシック"/>
        <family val="3"/>
        <charset val="128"/>
      </rPr>
      <t>意図的に添加していない。／</t>
    </r>
    <r>
      <rPr>
        <sz val="11"/>
        <rFont val="Arial"/>
        <family val="2"/>
      </rPr>
      <t xml:space="preserve"> Not intentionally added.</t>
    </r>
    <rPh sb="0" eb="3">
      <t>イトテキ</t>
    </rPh>
    <rPh sb="4" eb="6">
      <t>テンカ</t>
    </rPh>
    <phoneticPr fontId="81"/>
  </si>
  <si>
    <t>9002-86-2</t>
  </si>
  <si>
    <r>
      <rPr>
        <sz val="11"/>
        <rFont val="ＭＳ Ｐゴシック"/>
        <family val="3"/>
        <charset val="128"/>
      </rPr>
      <t>※天然ゴム</t>
    </r>
    <r>
      <rPr>
        <sz val="11"/>
        <rFont val="Arial"/>
        <family val="2"/>
      </rPr>
      <t xml:space="preserve"> </t>
    </r>
    <r>
      <rPr>
        <sz val="9"/>
        <rFont val="ＭＳ Ｐゴシック"/>
        <family val="3"/>
        <charset val="128"/>
      </rPr>
      <t>／</t>
    </r>
    <r>
      <rPr>
        <sz val="9"/>
        <rFont val="Arial"/>
        <family val="2"/>
      </rPr>
      <t>Natural rubber</t>
    </r>
    <rPh sb="1" eb="3">
      <t>テンネン</t>
    </rPh>
    <phoneticPr fontId="81"/>
  </si>
  <si>
    <t>117-08-8</t>
  </si>
  <si>
    <r>
      <rPr>
        <sz val="11"/>
        <rFont val="ＭＳ Ｐゴシック"/>
        <family val="3"/>
        <charset val="128"/>
      </rPr>
      <t>下記（１）、（２）、（３）のすべての条件を満足する。／</t>
    </r>
    <r>
      <rPr>
        <sz val="11"/>
        <rFont val="Arial"/>
        <family val="2"/>
      </rPr>
      <t xml:space="preserve"> It satisfies all of the following conditions (1), (2) and (3).</t>
    </r>
    <rPh sb="0" eb="2">
      <t>カキ</t>
    </rPh>
    <rPh sb="18" eb="20">
      <t>ジョウケン</t>
    </rPh>
    <rPh sb="21" eb="23">
      <t>マンゾク</t>
    </rPh>
    <phoneticPr fontId="9"/>
  </si>
  <si>
    <r>
      <t>*7) EU REACH</t>
    </r>
    <r>
      <rPr>
        <sz val="10"/>
        <rFont val="ＭＳ Ｐゴシック"/>
        <family val="3"/>
        <charset val="128"/>
      </rPr>
      <t>規則（</t>
    </r>
    <r>
      <rPr>
        <sz val="10"/>
        <rFont val="Arial"/>
        <family val="2"/>
      </rPr>
      <t>No 1907/2006</t>
    </r>
    <r>
      <rPr>
        <sz val="10"/>
        <rFont val="ＭＳ Ｐゴシック"/>
        <family val="3"/>
        <charset val="128"/>
      </rPr>
      <t>）</t>
    </r>
    <r>
      <rPr>
        <sz val="10"/>
        <rFont val="Arial"/>
        <family val="2"/>
      </rPr>
      <t>ANNEX XVII</t>
    </r>
    <r>
      <rPr>
        <sz val="10"/>
        <rFont val="ＭＳ Ｐゴシック"/>
        <family val="3"/>
        <charset val="128"/>
      </rPr>
      <t>（制限対象物質）</t>
    </r>
    <phoneticPr fontId="9"/>
  </si>
  <si>
    <r>
      <rPr>
        <sz val="11"/>
        <rFont val="ＭＳ Ｐゴシック"/>
        <family val="3"/>
        <charset val="128"/>
      </rPr>
      <t>フタル酸エステル</t>
    </r>
    <r>
      <rPr>
        <sz val="11"/>
        <rFont val="Arial"/>
        <family val="2"/>
      </rPr>
      <t>6</t>
    </r>
    <r>
      <rPr>
        <sz val="11"/>
        <rFont val="ＭＳ Ｐゴシック"/>
        <family val="3"/>
        <charset val="128"/>
      </rPr>
      <t>種：（「</t>
    </r>
    <r>
      <rPr>
        <sz val="11"/>
        <rFont val="Arial"/>
        <family val="2"/>
      </rPr>
      <t>DEHP(DOP) CAS No.117-81-7</t>
    </r>
    <r>
      <rPr>
        <sz val="11"/>
        <rFont val="ＭＳ Ｐゴシック"/>
        <family val="3"/>
        <charset val="128"/>
      </rPr>
      <t>」、「</t>
    </r>
    <r>
      <rPr>
        <sz val="11"/>
        <rFont val="Arial"/>
        <family val="2"/>
      </rPr>
      <t>DBP CAS No.84-74-2</t>
    </r>
    <r>
      <rPr>
        <sz val="11"/>
        <rFont val="ＭＳ Ｐゴシック"/>
        <family val="3"/>
        <charset val="128"/>
      </rPr>
      <t>」、「</t>
    </r>
    <r>
      <rPr>
        <sz val="11"/>
        <rFont val="Arial"/>
        <family val="2"/>
      </rPr>
      <t>BBP CAS No.85-68-7</t>
    </r>
    <r>
      <rPr>
        <sz val="11"/>
        <rFont val="ＭＳ Ｐゴシック"/>
        <family val="3"/>
        <charset val="128"/>
      </rPr>
      <t>」、「</t>
    </r>
    <r>
      <rPr>
        <sz val="11"/>
        <rFont val="Arial"/>
        <family val="2"/>
      </rPr>
      <t>DINP CAS No.28553-12-0</t>
    </r>
    <r>
      <rPr>
        <sz val="11"/>
        <rFont val="ＭＳ Ｐゴシック"/>
        <family val="3"/>
        <charset val="128"/>
      </rPr>
      <t>、</t>
    </r>
    <r>
      <rPr>
        <sz val="11"/>
        <rFont val="Arial"/>
        <family val="2"/>
      </rPr>
      <t>68515-48-0</t>
    </r>
    <r>
      <rPr>
        <sz val="11"/>
        <rFont val="ＭＳ Ｐゴシック"/>
        <family val="3"/>
        <charset val="128"/>
      </rPr>
      <t>」、「</t>
    </r>
    <r>
      <rPr>
        <sz val="11"/>
        <rFont val="Arial"/>
        <family val="2"/>
      </rPr>
      <t>DIDP CAS No.26761-40-0</t>
    </r>
    <r>
      <rPr>
        <sz val="11"/>
        <rFont val="ＭＳ Ｐゴシック"/>
        <family val="3"/>
        <charset val="128"/>
      </rPr>
      <t>、</t>
    </r>
    <r>
      <rPr>
        <sz val="11"/>
        <rFont val="Arial"/>
        <family val="2"/>
      </rPr>
      <t>68515-49-1</t>
    </r>
    <r>
      <rPr>
        <sz val="11"/>
        <rFont val="ＭＳ Ｐゴシック"/>
        <family val="3"/>
        <charset val="128"/>
      </rPr>
      <t>」、「</t>
    </r>
    <r>
      <rPr>
        <sz val="11"/>
        <rFont val="Arial"/>
        <family val="2"/>
      </rPr>
      <t>DNOP CAS No.117-84-0</t>
    </r>
    <r>
      <rPr>
        <sz val="11"/>
        <rFont val="ＭＳ Ｐゴシック"/>
        <family val="3"/>
        <charset val="128"/>
      </rPr>
      <t>」／</t>
    </r>
    <r>
      <rPr>
        <sz val="11"/>
        <rFont val="Arial"/>
        <family val="2"/>
      </rPr>
      <t xml:space="preserve">6 phthalates: ( "DEHP(DOP) (CAS No.117-81-7)", "DBP(CAS No.84-74-2) ", "BBP (CAS No.85-68-7)","DINP(CAS No.28553-12-0/68515-48-0", "DIDP(CAS No.26761-40-0/68515-49-1" , "DNOP(CAS No.117-84-0)") </t>
    </r>
    <phoneticPr fontId="9"/>
  </si>
  <si>
    <t xml:space="preserve">  </t>
    <phoneticPr fontId="81"/>
  </si>
  <si>
    <t>No.</t>
    <phoneticPr fontId="81"/>
  </si>
  <si>
    <r>
      <rPr>
        <b/>
        <sz val="11"/>
        <rFont val="ＭＳ Ｐゴシック"/>
        <family val="3"/>
        <charset val="128"/>
      </rPr>
      <t>上記に示す</t>
    </r>
    <r>
      <rPr>
        <b/>
        <sz val="11"/>
        <rFont val="Arial"/>
        <family val="2"/>
      </rPr>
      <t>6</t>
    </r>
    <r>
      <rPr>
        <b/>
        <sz val="11"/>
        <rFont val="ＭＳ Ｐゴシック"/>
        <family val="3"/>
        <charset val="128"/>
      </rPr>
      <t>種類のフタル酸エステルを原材料として取り扱っている。（副生成物も含む）</t>
    </r>
    <r>
      <rPr>
        <sz val="11"/>
        <rFont val="Arial"/>
        <family val="2"/>
      </rPr>
      <t xml:space="preserve">
6 phthalates shown above  are handled as raw materials.(including by-product material)</t>
    </r>
    <rPh sb="0" eb="2">
      <t>ジョウキ</t>
    </rPh>
    <rPh sb="3" eb="4">
      <t>シメ</t>
    </rPh>
    <rPh sb="6" eb="8">
      <t>シュルイ</t>
    </rPh>
    <rPh sb="12" eb="13">
      <t>サン</t>
    </rPh>
    <rPh sb="18" eb="21">
      <t>ゲンザイリョウ</t>
    </rPh>
    <rPh sb="24" eb="25">
      <t>ト</t>
    </rPh>
    <rPh sb="26" eb="27">
      <t>アツカ</t>
    </rPh>
    <rPh sb="33" eb="37">
      <t>フクセイセイブツ</t>
    </rPh>
    <rPh sb="38" eb="39">
      <t>フク</t>
    </rPh>
    <phoneticPr fontId="81"/>
  </si>
  <si>
    <t>Yes/No</t>
  </si>
  <si>
    <r>
      <rPr>
        <sz val="11"/>
        <rFont val="ＭＳ Ｐゴシック"/>
        <family val="3"/>
        <charset val="128"/>
      </rPr>
      <t>別紙にて回答します</t>
    </r>
    <rPh sb="0" eb="2">
      <t>ベッシ</t>
    </rPh>
    <rPh sb="4" eb="6">
      <t>カイトウ</t>
    </rPh>
    <phoneticPr fontId="81"/>
  </si>
  <si>
    <t>-</t>
    <phoneticPr fontId="9"/>
  </si>
  <si>
    <r>
      <rPr>
        <sz val="10"/>
        <rFont val="ＭＳ Ｐゴシック"/>
        <family val="3"/>
        <charset val="128"/>
      </rPr>
      <t>意図的に添加せず、かつ</t>
    </r>
    <r>
      <rPr>
        <sz val="10"/>
        <rFont val="Arial"/>
        <family val="2"/>
      </rPr>
      <t>1000ppm</t>
    </r>
    <r>
      <rPr>
        <sz val="10"/>
        <rFont val="ＭＳ Ｐゴシック"/>
        <family val="3"/>
        <charset val="128"/>
      </rPr>
      <t>以下の含有である。／</t>
    </r>
    <r>
      <rPr>
        <sz val="10"/>
        <rFont val="Arial"/>
        <family val="2"/>
      </rPr>
      <t>Content is 1000ppm or less.  Not intentionally added.</t>
    </r>
    <phoneticPr fontId="9"/>
  </si>
  <si>
    <t>119-61-9</t>
    <phoneticPr fontId="9"/>
  </si>
  <si>
    <t>120-83-2</t>
  </si>
  <si>
    <t>100-41-4</t>
  </si>
  <si>
    <t>71000-82-3</t>
  </si>
  <si>
    <t>29082-74-4</t>
  </si>
  <si>
    <r>
      <rPr>
        <sz val="10"/>
        <rFont val="Arial"/>
        <family val="2"/>
      </rPr>
      <t xml:space="preserve">   </t>
    </r>
    <r>
      <rPr>
        <sz val="10"/>
        <rFont val="ＭＳ Ｐゴシック"/>
        <family val="3"/>
        <charset val="128"/>
      </rPr>
      <t>意図的に添加せず、かつ構成部品比で</t>
    </r>
    <r>
      <rPr>
        <sz val="10"/>
        <rFont val="Arial"/>
        <family val="2"/>
      </rPr>
      <t>1000ppm</t>
    </r>
    <r>
      <rPr>
        <sz val="10"/>
        <rFont val="ＭＳ Ｐゴシック"/>
        <family val="3"/>
        <charset val="128"/>
      </rPr>
      <t>以下の含有である。／</t>
    </r>
    <r>
      <rPr>
        <sz val="10"/>
        <rFont val="Arial"/>
        <family val="2"/>
      </rPr>
      <t xml:space="preserve"> 
   Content is 1000ppm or less of component mass ratio.  Not intentionally added.</t>
    </r>
    <rPh sb="14" eb="16">
      <t>コウセイ</t>
    </rPh>
    <rPh sb="16" eb="18">
      <t>ブヒン</t>
    </rPh>
    <rPh sb="18" eb="19">
      <t>ヒ</t>
    </rPh>
    <phoneticPr fontId="9"/>
  </si>
  <si>
    <t>79-94-7</t>
    <phoneticPr fontId="9"/>
  </si>
  <si>
    <r>
      <t xml:space="preserve">4. </t>
    </r>
    <r>
      <rPr>
        <b/>
        <u/>
        <sz val="9"/>
        <color theme="1"/>
        <rFont val="ＭＳ Ｐゴシック"/>
        <family val="3"/>
        <charset val="128"/>
      </rPr>
      <t>ハロゲン（臭素・塩素）物質の分析状況</t>
    </r>
    <r>
      <rPr>
        <b/>
        <sz val="9"/>
        <color theme="1"/>
        <rFont val="Arial"/>
        <family val="2"/>
      </rPr>
      <t xml:space="preserve"> / </t>
    </r>
    <r>
      <rPr>
        <sz val="9"/>
        <color theme="1"/>
        <rFont val="Arial"/>
        <family val="2"/>
      </rPr>
      <t>Analysis situation of halogen ("Bromine" and "Chlorine") substance *4)</t>
    </r>
    <rPh sb="8" eb="10">
      <t>シュウソ</t>
    </rPh>
    <rPh sb="11" eb="13">
      <t>エンソ</t>
    </rPh>
    <rPh sb="14" eb="16">
      <t>ブッシツ</t>
    </rPh>
    <rPh sb="17" eb="19">
      <t>ブンセキ</t>
    </rPh>
    <rPh sb="19" eb="21">
      <t>ジョウキョウ</t>
    </rPh>
    <phoneticPr fontId="81"/>
  </si>
  <si>
    <r>
      <rPr>
        <b/>
        <sz val="10"/>
        <rFont val="ＭＳ Ｐゴシック"/>
        <family val="3"/>
        <charset val="128"/>
      </rPr>
      <t>確認事項　</t>
    </r>
    <r>
      <rPr>
        <b/>
        <sz val="10"/>
        <rFont val="Arial"/>
        <family val="2"/>
      </rPr>
      <t>/</t>
    </r>
    <r>
      <rPr>
        <b/>
        <sz val="10"/>
        <rFont val="ＭＳ Ｐゴシック"/>
        <family val="3"/>
        <charset val="128"/>
      </rPr>
      <t>　</t>
    </r>
    <r>
      <rPr>
        <sz val="10"/>
        <rFont val="Arial"/>
        <family val="2"/>
      </rPr>
      <t>Criteria</t>
    </r>
    <rPh sb="0" eb="2">
      <t>カクニン</t>
    </rPh>
    <rPh sb="2" eb="4">
      <t>ジコウ</t>
    </rPh>
    <phoneticPr fontId="81"/>
  </si>
  <si>
    <r>
      <rPr>
        <b/>
        <sz val="10"/>
        <rFont val="ＭＳ Ｐゴシック"/>
        <family val="3"/>
        <charset val="128"/>
      </rPr>
      <t>回答欄</t>
    </r>
    <r>
      <rPr>
        <sz val="10"/>
        <rFont val="Arial"/>
        <family val="2"/>
      </rPr>
      <t xml:space="preserve">
Verified results</t>
    </r>
    <rPh sb="0" eb="2">
      <t>カイトウ</t>
    </rPh>
    <rPh sb="2" eb="3">
      <t>ラン</t>
    </rPh>
    <phoneticPr fontId="81"/>
  </si>
  <si>
    <r>
      <rPr>
        <b/>
        <sz val="10"/>
        <rFont val="ＭＳ Ｐゴシック"/>
        <family val="3"/>
        <charset val="128"/>
      </rPr>
      <t>分析機関によるハロゲン（臭素・塩素）分析データを取得している。</t>
    </r>
    <r>
      <rPr>
        <sz val="10"/>
        <rFont val="Arial"/>
        <family val="2"/>
      </rPr>
      <t xml:space="preserve">
The analysis data on Halogen(Bromine/Chlorine) has been gotton from analyzing organization.</t>
    </r>
    <rPh sb="0" eb="2">
      <t>ブンセキ</t>
    </rPh>
    <rPh sb="2" eb="4">
      <t>キカン</t>
    </rPh>
    <rPh sb="12" eb="14">
      <t>シュウソ</t>
    </rPh>
    <rPh sb="15" eb="17">
      <t>エンソ</t>
    </rPh>
    <rPh sb="18" eb="20">
      <t>ブンセキ</t>
    </rPh>
    <rPh sb="24" eb="26">
      <t>シュトク</t>
    </rPh>
    <phoneticPr fontId="81"/>
  </si>
  <si>
    <t>Yes/No</t>
    <phoneticPr fontId="9"/>
  </si>
  <si>
    <r>
      <rPr>
        <b/>
        <sz val="10"/>
        <rFont val="ＭＳ Ｐゴシック"/>
        <family val="3"/>
        <charset val="128"/>
      </rPr>
      <t>【質問</t>
    </r>
    <r>
      <rPr>
        <b/>
        <sz val="10"/>
        <rFont val="Arial"/>
        <family val="2"/>
      </rPr>
      <t>1</t>
    </r>
    <r>
      <rPr>
        <b/>
        <sz val="10"/>
        <rFont val="ＭＳ Ｐゴシック"/>
        <family val="3"/>
        <charset val="128"/>
      </rPr>
      <t>】が「</t>
    </r>
    <r>
      <rPr>
        <b/>
        <sz val="10"/>
        <rFont val="Arial"/>
        <family val="2"/>
      </rPr>
      <t>YES</t>
    </r>
    <r>
      <rPr>
        <b/>
        <sz val="10"/>
        <rFont val="ＭＳ Ｐゴシック"/>
        <family val="3"/>
        <charset val="128"/>
      </rPr>
      <t>」の場合、以下に記入します。</t>
    </r>
    <r>
      <rPr>
        <b/>
        <sz val="10"/>
        <rFont val="Arial"/>
        <family val="2"/>
      </rPr>
      <t xml:space="preserve">/ </t>
    </r>
    <r>
      <rPr>
        <sz val="10"/>
        <rFont val="Arial"/>
        <family val="2"/>
      </rPr>
      <t>If the answer of "No.1" is "YES", we fill in the following table.</t>
    </r>
    <rPh sb="1" eb="3">
      <t>シツモン</t>
    </rPh>
    <rPh sb="12" eb="14">
      <t>バアイ</t>
    </rPh>
    <rPh sb="15" eb="17">
      <t>イカ</t>
    </rPh>
    <rPh sb="18" eb="20">
      <t>キニュウ</t>
    </rPh>
    <phoneticPr fontId="81"/>
  </si>
  <si>
    <r>
      <rPr>
        <sz val="10"/>
        <rFont val="ＭＳ Ｐゴシック"/>
        <family val="3"/>
        <charset val="128"/>
      </rPr>
      <t xml:space="preserve">物質名
</t>
    </r>
    <r>
      <rPr>
        <sz val="10"/>
        <rFont val="Arial"/>
        <family val="2"/>
      </rPr>
      <t>Substance Name</t>
    </r>
    <rPh sb="0" eb="2">
      <t>ブッシツ</t>
    </rPh>
    <rPh sb="2" eb="3">
      <t>メイ</t>
    </rPh>
    <phoneticPr fontId="81"/>
  </si>
  <si>
    <r>
      <rPr>
        <sz val="8"/>
        <rFont val="ＭＳ Ｐゴシック"/>
        <family val="3"/>
        <charset val="128"/>
      </rPr>
      <t xml:space="preserve">含有
</t>
    </r>
    <r>
      <rPr>
        <sz val="8"/>
        <rFont val="Arial"/>
        <family val="2"/>
      </rPr>
      <t>Content</t>
    </r>
    <rPh sb="0" eb="2">
      <t>ガンユウ</t>
    </rPh>
    <phoneticPr fontId="81"/>
  </si>
  <si>
    <r>
      <rPr>
        <sz val="10"/>
        <rFont val="ＭＳ Ｐゴシック"/>
        <family val="3"/>
        <charset val="128"/>
      </rPr>
      <t xml:space="preserve">含有率
</t>
    </r>
    <r>
      <rPr>
        <sz val="10"/>
        <rFont val="Arial"/>
        <family val="2"/>
      </rPr>
      <t>Content ratio</t>
    </r>
    <rPh sb="0" eb="2">
      <t>ガンユウ</t>
    </rPh>
    <rPh sb="2" eb="3">
      <t>リツ</t>
    </rPh>
    <phoneticPr fontId="81"/>
  </si>
  <si>
    <r>
      <rPr>
        <sz val="10"/>
        <rFont val="ＭＳ Ｐゴシック"/>
        <family val="3"/>
        <charset val="128"/>
      </rPr>
      <t xml:space="preserve">検出下限値
</t>
    </r>
    <r>
      <rPr>
        <sz val="10"/>
        <rFont val="Arial"/>
        <family val="2"/>
      </rPr>
      <t>Method Detection Limit</t>
    </r>
    <r>
      <rPr>
        <sz val="10"/>
        <rFont val="ＭＳ Ｐゴシック"/>
        <family val="3"/>
        <charset val="128"/>
      </rPr>
      <t>　※</t>
    </r>
    <r>
      <rPr>
        <sz val="10"/>
        <rFont val="Arial"/>
        <family val="2"/>
      </rPr>
      <t>5)</t>
    </r>
    <rPh sb="0" eb="2">
      <t>ケンシュツ</t>
    </rPh>
    <rPh sb="2" eb="5">
      <t>カゲンチ</t>
    </rPh>
    <phoneticPr fontId="81"/>
  </si>
  <si>
    <r>
      <rPr>
        <sz val="10"/>
        <rFont val="ＭＳ Ｐゴシック"/>
        <family val="3"/>
        <charset val="128"/>
      </rPr>
      <t xml:space="preserve">備考
</t>
    </r>
    <r>
      <rPr>
        <sz val="10"/>
        <rFont val="Arial"/>
        <family val="2"/>
      </rPr>
      <t>Remark</t>
    </r>
    <rPh sb="0" eb="2">
      <t>ビコウ</t>
    </rPh>
    <phoneticPr fontId="81"/>
  </si>
  <si>
    <t>(ppm)</t>
    <phoneticPr fontId="9"/>
  </si>
  <si>
    <r>
      <rPr>
        <sz val="10"/>
        <rFont val="ＭＳ Ｐゴシック"/>
        <family val="3"/>
        <charset val="128"/>
      </rPr>
      <t>塩素／</t>
    </r>
    <r>
      <rPr>
        <sz val="10"/>
        <rFont val="Arial"/>
        <family val="2"/>
      </rPr>
      <t>Chlorine(Cl)</t>
    </r>
    <rPh sb="0" eb="2">
      <t>エンソ</t>
    </rPh>
    <phoneticPr fontId="81"/>
  </si>
  <si>
    <r>
      <rPr>
        <sz val="8"/>
        <rFont val="ＭＳ Ｐゴシック"/>
        <family val="3"/>
        <charset val="128"/>
      </rPr>
      <t>含有</t>
    </r>
    <r>
      <rPr>
        <sz val="8"/>
        <rFont val="Arial"/>
        <family val="2"/>
      </rPr>
      <t>(Present)</t>
    </r>
    <r>
      <rPr>
        <sz val="8"/>
        <rFont val="ＭＳ Ｐゴシック"/>
        <family val="3"/>
        <charset val="128"/>
      </rPr>
      <t>／非含有</t>
    </r>
    <r>
      <rPr>
        <sz val="8"/>
        <rFont val="Arial"/>
        <family val="2"/>
      </rPr>
      <t>(Not present</t>
    </r>
    <r>
      <rPr>
        <sz val="8"/>
        <rFont val="ＭＳ Ｐゴシック"/>
        <family val="3"/>
        <charset val="128"/>
      </rPr>
      <t>）</t>
    </r>
  </si>
  <si>
    <r>
      <rPr>
        <sz val="10"/>
        <rFont val="ＭＳ Ｐゴシック"/>
        <family val="3"/>
        <charset val="128"/>
      </rPr>
      <t>臭素／</t>
    </r>
    <r>
      <rPr>
        <sz val="10"/>
        <rFont val="Arial"/>
        <family val="2"/>
      </rPr>
      <t>Bromine(Br)</t>
    </r>
    <rPh sb="0" eb="2">
      <t>シュウソ</t>
    </rPh>
    <phoneticPr fontId="81"/>
  </si>
  <si>
    <r>
      <rPr>
        <sz val="8"/>
        <rFont val="ＭＳ Ｐゴシック"/>
        <family val="3"/>
        <charset val="128"/>
      </rPr>
      <t>含有</t>
    </r>
    <r>
      <rPr>
        <sz val="8"/>
        <rFont val="Arial"/>
        <family val="2"/>
      </rPr>
      <t>(Present)</t>
    </r>
    <r>
      <rPr>
        <sz val="8"/>
        <rFont val="ＭＳ Ｐゴシック"/>
        <family val="3"/>
        <charset val="128"/>
      </rPr>
      <t>／非含有</t>
    </r>
    <r>
      <rPr>
        <sz val="8"/>
        <rFont val="Arial"/>
        <family val="2"/>
      </rPr>
      <t>(Not present</t>
    </r>
    <r>
      <rPr>
        <sz val="8"/>
        <rFont val="ＭＳ Ｐゴシック"/>
        <family val="3"/>
        <charset val="128"/>
      </rPr>
      <t>）</t>
    </r>
    <phoneticPr fontId="9"/>
  </si>
  <si>
    <r>
      <t xml:space="preserve">*5) </t>
    </r>
    <r>
      <rPr>
        <b/>
        <sz val="10"/>
        <rFont val="ＭＳ Ｐゴシック"/>
        <family val="3"/>
        <charset val="128"/>
      </rPr>
      <t>検出下限値の最大値は</t>
    </r>
    <r>
      <rPr>
        <b/>
        <sz val="10"/>
        <rFont val="Arial"/>
        <family val="2"/>
      </rPr>
      <t>100ppm(0.01%)</t>
    </r>
    <r>
      <rPr>
        <b/>
        <sz val="10"/>
        <rFont val="ＭＳ Ｐゴシック"/>
        <family val="3"/>
        <charset val="128"/>
      </rPr>
      <t>です。</t>
    </r>
    <r>
      <rPr>
        <b/>
        <sz val="10"/>
        <rFont val="Arial"/>
        <family val="2"/>
      </rPr>
      <t xml:space="preserve">/ </t>
    </r>
    <r>
      <rPr>
        <sz val="10"/>
        <rFont val="Arial"/>
        <family val="2"/>
      </rPr>
      <t>The maxium of Method Detection Limit is 100ppm(0.01%).</t>
    </r>
    <rPh sb="4" eb="6">
      <t>ケンシュツ</t>
    </rPh>
    <phoneticPr fontId="81"/>
  </si>
  <si>
    <r>
      <rPr>
        <sz val="11"/>
        <rFont val="ＭＳ Ｐゴシック"/>
        <family val="3"/>
        <charset val="128"/>
      </rPr>
      <t>責任者：</t>
    </r>
    <rPh sb="0" eb="3">
      <t>セキニンシャ</t>
    </rPh>
    <phoneticPr fontId="9"/>
  </si>
  <si>
    <r>
      <rPr>
        <sz val="11"/>
        <rFont val="ＭＳ Ｐゴシック"/>
        <family val="3"/>
        <charset val="128"/>
      </rPr>
      <t>記入者：</t>
    </r>
    <rPh sb="0" eb="3">
      <t>キニュウシャ</t>
    </rPh>
    <phoneticPr fontId="9"/>
  </si>
  <si>
    <t xml:space="preserve">Responsible by: </t>
    <phoneticPr fontId="9"/>
  </si>
  <si>
    <t xml:space="preserve">Written by: </t>
    <phoneticPr fontId="9"/>
  </si>
  <si>
    <r>
      <rPr>
        <sz val="11"/>
        <rFont val="ＭＳ Ｐゴシック"/>
        <family val="3"/>
        <charset val="128"/>
      </rPr>
      <t>署名／捺印：</t>
    </r>
    <rPh sb="0" eb="2">
      <t>ショメイ</t>
    </rPh>
    <rPh sb="3" eb="5">
      <t>ナツイン</t>
    </rPh>
    <phoneticPr fontId="9"/>
  </si>
  <si>
    <t>Signature or Seal:</t>
    <phoneticPr fontId="9"/>
  </si>
  <si>
    <r>
      <rPr>
        <b/>
        <sz val="11"/>
        <rFont val="ＭＳ Ｐゴシック"/>
        <family val="3"/>
        <charset val="128"/>
      </rPr>
      <t>別表</t>
    </r>
    <r>
      <rPr>
        <b/>
        <sz val="11"/>
        <rFont val="Arial"/>
        <family val="2"/>
      </rPr>
      <t>A/Appendix A</t>
    </r>
    <rPh sb="0" eb="1">
      <t>ベツ</t>
    </rPh>
    <rPh sb="1" eb="2">
      <t>ヒョウ</t>
    </rPh>
    <phoneticPr fontId="9"/>
  </si>
  <si>
    <r>
      <rPr>
        <sz val="11"/>
        <rFont val="ＭＳ Ｐゴシック"/>
        <family val="3"/>
        <charset val="128"/>
      </rPr>
      <t>物質群</t>
    </r>
    <r>
      <rPr>
        <sz val="11"/>
        <rFont val="Arial"/>
        <family val="2"/>
      </rPr>
      <t>/ Group</t>
    </r>
    <phoneticPr fontId="9"/>
  </si>
  <si>
    <r>
      <rPr>
        <sz val="11"/>
        <rFont val="ＭＳ Ｐゴシック"/>
        <family val="3"/>
        <charset val="128"/>
      </rPr>
      <t>英語名</t>
    </r>
    <r>
      <rPr>
        <sz val="11"/>
        <rFont val="Arial"/>
        <family val="2"/>
      </rPr>
      <t>/ Substnace</t>
    </r>
    <phoneticPr fontId="9"/>
  </si>
  <si>
    <r>
      <t>CAS</t>
    </r>
    <r>
      <rPr>
        <sz val="11"/>
        <rFont val="ＭＳ Ｐゴシック"/>
        <family val="3"/>
        <charset val="128"/>
      </rPr>
      <t>番号</t>
    </r>
    <r>
      <rPr>
        <sz val="11"/>
        <rFont val="Arial"/>
        <family val="2"/>
      </rPr>
      <t>/ CAS No.</t>
    </r>
    <phoneticPr fontId="9"/>
  </si>
  <si>
    <r>
      <t>2-</t>
    </r>
    <r>
      <rPr>
        <sz val="11"/>
        <rFont val="ＭＳ Ｐゴシック"/>
        <family val="3"/>
        <charset val="128"/>
      </rPr>
      <t xml:space="preserve">ナフチルアミン塩
</t>
    </r>
    <r>
      <rPr>
        <sz val="11"/>
        <rFont val="Arial"/>
        <family val="2"/>
      </rPr>
      <t>Salts of 2-naphthylamine</t>
    </r>
    <phoneticPr fontId="9"/>
  </si>
  <si>
    <t>Salts of 2-naphthylamine</t>
    <phoneticPr fontId="9"/>
  </si>
  <si>
    <t>553-00-4</t>
  </si>
  <si>
    <t>Salts of 2-naphthylamine&lt;2&gt;</t>
  </si>
  <si>
    <t>612-52-2</t>
  </si>
  <si>
    <t>Salts of 2-naphthylamine [group]</t>
  </si>
  <si>
    <t>SN0042</t>
  </si>
  <si>
    <r>
      <t>4-</t>
    </r>
    <r>
      <rPr>
        <sz val="11"/>
        <rFont val="ＭＳ Ｐゴシック"/>
        <family val="3"/>
        <charset val="128"/>
      </rPr>
      <t xml:space="preserve">アミノビフェニルとその塩
</t>
    </r>
    <r>
      <rPr>
        <sz val="11"/>
        <rFont val="Arial"/>
        <family val="2"/>
      </rPr>
      <t>4-aminobiphenyl and its salts</t>
    </r>
    <phoneticPr fontId="9"/>
  </si>
  <si>
    <t>4-Aminodiphenyl hydrochloride</t>
  </si>
  <si>
    <t>2113-61-3</t>
  </si>
  <si>
    <t>Salts of 4-Aminobiphenyl(xenylamine) [group]</t>
  </si>
  <si>
    <t>SN0044</t>
  </si>
  <si>
    <r>
      <t>4-</t>
    </r>
    <r>
      <rPr>
        <sz val="11"/>
        <rFont val="ＭＳ Ｐゴシック"/>
        <family val="3"/>
        <charset val="128"/>
      </rPr>
      <t xml:space="preserve">ニトロビフェニルとその塩
</t>
    </r>
    <r>
      <rPr>
        <sz val="11"/>
        <rFont val="Arial"/>
        <family val="2"/>
      </rPr>
      <t>4-nitrobiphenyl and its salts</t>
    </r>
    <phoneticPr fontId="9"/>
  </si>
  <si>
    <t>4-nitrobiphenyl</t>
    <phoneticPr fontId="9"/>
  </si>
  <si>
    <t>92-93-3</t>
  </si>
  <si>
    <r>
      <rPr>
        <sz val="11"/>
        <rFont val="ＭＳ Ｐゴシック"/>
        <family val="3"/>
        <charset val="128"/>
      </rPr>
      <t>アゾベンゼン</t>
    </r>
    <r>
      <rPr>
        <sz val="11"/>
        <rFont val="Arial"/>
        <family val="2"/>
      </rPr>
      <t>/ Azobenzene</t>
    </r>
    <phoneticPr fontId="9"/>
  </si>
  <si>
    <t>Azobenzene</t>
  </si>
  <si>
    <t>103-33-3</t>
  </si>
  <si>
    <r>
      <rPr>
        <sz val="11"/>
        <rFont val="ＭＳ Ｐゴシック"/>
        <family val="3"/>
        <charset val="128"/>
      </rPr>
      <t>アニリン及びその塩</t>
    </r>
    <r>
      <rPr>
        <sz val="11"/>
        <rFont val="Arial"/>
        <family val="2"/>
      </rPr>
      <t>/ Aniline and its salts</t>
    </r>
    <phoneticPr fontId="9"/>
  </si>
  <si>
    <t>2,4,5-trimethylaniline hydrochloride</t>
  </si>
  <si>
    <t>21436-97-5</t>
  </si>
  <si>
    <t>salts of 2,2'-dichloro-4,4'-methylenedianiline [group]; salts of 4,4'-methylenebis(2-chloroaniline) [group]</t>
  </si>
  <si>
    <t>SN0041</t>
  </si>
  <si>
    <r>
      <rPr>
        <sz val="11"/>
        <rFont val="ＭＳ Ｐゴシック"/>
        <family val="3"/>
        <charset val="128"/>
      </rPr>
      <t>アルカン類</t>
    </r>
    <r>
      <rPr>
        <sz val="11"/>
        <rFont val="Arial"/>
        <family val="2"/>
      </rPr>
      <t>/ Alkanes</t>
    </r>
    <phoneticPr fontId="9"/>
  </si>
  <si>
    <t>Alkanes, C12-26-branched and linear</t>
  </si>
  <si>
    <t>90622-53-0</t>
  </si>
  <si>
    <r>
      <rPr>
        <sz val="11"/>
        <rFont val="ＭＳ Ｐゴシック"/>
        <family val="3"/>
        <charset val="128"/>
      </rPr>
      <t>イソシアネート</t>
    </r>
    <r>
      <rPr>
        <sz val="11"/>
        <rFont val="Arial"/>
        <family val="2"/>
      </rPr>
      <t>/ Isocyanates</t>
    </r>
    <phoneticPr fontId="9"/>
  </si>
  <si>
    <t>4,4'-methylenediphenyl diisocyanate; diphenylmethane-4,4'-diisocyanate; Bis(4-isocyanatophenyl)methane</t>
  </si>
  <si>
    <t>101-68-8</t>
  </si>
  <si>
    <t>Methylenediphenyl diisocyanate; MDI</t>
  </si>
  <si>
    <t>26447-40-5</t>
  </si>
  <si>
    <r>
      <rPr>
        <sz val="11"/>
        <rFont val="ＭＳ Ｐゴシック"/>
        <family val="3"/>
        <charset val="128"/>
      </rPr>
      <t>イソブタン</t>
    </r>
    <r>
      <rPr>
        <sz val="11"/>
        <rFont val="Arial"/>
        <family val="2"/>
      </rPr>
      <t>/ Isobutane</t>
    </r>
    <phoneticPr fontId="9"/>
  </si>
  <si>
    <t>Isobutane (containing ? 0.1 % butadiene (203-450-8))</t>
  </si>
  <si>
    <t>75-28-5</t>
  </si>
  <si>
    <r>
      <rPr>
        <sz val="11"/>
        <rFont val="ＭＳ Ｐゴシック"/>
        <family val="3"/>
        <charset val="128"/>
      </rPr>
      <t>エタノール</t>
    </r>
    <r>
      <rPr>
        <sz val="11"/>
        <rFont val="Arial"/>
        <family val="2"/>
      </rPr>
      <t>/ Ethanols</t>
    </r>
    <phoneticPr fontId="9"/>
  </si>
  <si>
    <t>2-(2-aminoethylamino)ethanol (AEEA)</t>
  </si>
  <si>
    <t>111-41-1</t>
  </si>
  <si>
    <t>2,2'-(nitrosoimino)bisethanol</t>
  </si>
  <si>
    <t>1116-54-7</t>
  </si>
  <si>
    <t>Ethanol, 2-(2-methoxyethoxy)-;2-(2-methoxyethoxy)ethanol; DEGME</t>
  </si>
  <si>
    <t>111-77-3</t>
  </si>
  <si>
    <t>2-(2-butoxyethoxy)ethanol; DEGBE</t>
  </si>
  <si>
    <t>112-34-5</t>
  </si>
  <si>
    <r>
      <rPr>
        <sz val="11"/>
        <rFont val="ＭＳ Ｐゴシック"/>
        <family val="3"/>
        <charset val="128"/>
      </rPr>
      <t>クロロエタン</t>
    </r>
    <r>
      <rPr>
        <sz val="11"/>
        <rFont val="Arial"/>
        <family val="2"/>
      </rPr>
      <t>/ Chloroethanes</t>
    </r>
    <phoneticPr fontId="9"/>
  </si>
  <si>
    <t>Pentachloroethane</t>
  </si>
  <si>
    <t>1,1,2-Trichloroethane</t>
  </si>
  <si>
    <t>79-00-5</t>
  </si>
  <si>
    <t>1,1,2,2-Tetrachloroethane</t>
  </si>
  <si>
    <t>79-34-5</t>
  </si>
  <si>
    <r>
      <rPr>
        <sz val="11"/>
        <rFont val="ＭＳ Ｐゴシック"/>
        <family val="3"/>
        <charset val="128"/>
      </rPr>
      <t>クロロエチレン</t>
    </r>
    <r>
      <rPr>
        <sz val="11"/>
        <rFont val="Arial"/>
        <family val="2"/>
      </rPr>
      <t>/ Chloroethylenes</t>
    </r>
    <phoneticPr fontId="9"/>
  </si>
  <si>
    <t>Chloro-1-ethylene (monomer vinyl  chloride)</t>
  </si>
  <si>
    <t>1,1-Dichloroethylene</t>
  </si>
  <si>
    <t>75-35-4</t>
  </si>
  <si>
    <r>
      <rPr>
        <sz val="11"/>
        <rFont val="ＭＳ Ｐゴシック"/>
        <family val="3"/>
        <charset val="128"/>
      </rPr>
      <t>クロロトルエン</t>
    </r>
    <r>
      <rPr>
        <sz val="11"/>
        <rFont val="Arial"/>
        <family val="2"/>
      </rPr>
      <t>/ Chlorotoluenes</t>
    </r>
    <phoneticPr fontId="9"/>
  </si>
  <si>
    <t>alpha-chlorotoluene;  benzyl chloride</t>
  </si>
  <si>
    <t>100-44-7</t>
  </si>
  <si>
    <t>alpha,alpha,alpha,4-tetrachlorotoluene;  p-chlorobenzotrichloride</t>
  </si>
  <si>
    <t>5216-25-1</t>
  </si>
  <si>
    <t>alpha,alpha,alpha-trichlorotoluene;  benzotrichloride</t>
  </si>
  <si>
    <r>
      <rPr>
        <sz val="11"/>
        <rFont val="ＭＳ Ｐゴシック"/>
        <family val="3"/>
        <charset val="128"/>
      </rPr>
      <t>クロロフォルム</t>
    </r>
    <r>
      <rPr>
        <sz val="11"/>
        <rFont val="Arial"/>
        <family val="2"/>
      </rPr>
      <t>/ Chloroform</t>
    </r>
    <phoneticPr fontId="9"/>
  </si>
  <si>
    <t>Chloroform</t>
  </si>
  <si>
    <t>67-66-3</t>
  </si>
  <si>
    <r>
      <rPr>
        <sz val="11"/>
        <rFont val="ＭＳ Ｐゴシック"/>
        <family val="3"/>
        <charset val="128"/>
      </rPr>
      <t>クロロフルオルフェノール</t>
    </r>
    <r>
      <rPr>
        <sz val="11"/>
        <rFont val="Arial"/>
        <family val="2"/>
      </rPr>
      <t>/ Chlorofluorophenol</t>
    </r>
    <phoneticPr fontId="9"/>
  </si>
  <si>
    <t>2-chloro-6-fluoro-phenol</t>
  </si>
  <si>
    <t>2040-90-6</t>
  </si>
  <si>
    <r>
      <rPr>
        <sz val="11"/>
        <rFont val="ＭＳ Ｐゴシック"/>
        <family val="3"/>
        <charset val="128"/>
      </rPr>
      <t>クロロプロパノール</t>
    </r>
    <r>
      <rPr>
        <sz val="11"/>
        <rFont val="Arial"/>
        <family val="2"/>
      </rPr>
      <t>/ Chloropropanol</t>
    </r>
    <phoneticPr fontId="9"/>
  </si>
  <si>
    <t>1,3-dichloro-2-propanol</t>
  </si>
  <si>
    <t>96-23-1</t>
  </si>
  <si>
    <r>
      <rPr>
        <sz val="11"/>
        <rFont val="ＭＳ Ｐゴシック"/>
        <family val="3"/>
        <charset val="128"/>
      </rPr>
      <t>クロロプロパン</t>
    </r>
    <r>
      <rPr>
        <sz val="11"/>
        <rFont val="Arial"/>
        <family val="2"/>
      </rPr>
      <t>/ Chloropropane</t>
    </r>
    <phoneticPr fontId="9"/>
  </si>
  <si>
    <t>1,2-dibromo-3-chloropropane</t>
  </si>
  <si>
    <r>
      <rPr>
        <sz val="11"/>
        <rFont val="ＭＳ Ｐゴシック"/>
        <family val="3"/>
        <charset val="128"/>
      </rPr>
      <t>クロロベンゼン</t>
    </r>
    <r>
      <rPr>
        <sz val="11"/>
        <rFont val="Arial"/>
        <family val="2"/>
      </rPr>
      <t>/ Chlorobenzenes</t>
    </r>
    <phoneticPr fontId="9"/>
  </si>
  <si>
    <t>1,4-dichlorobenzene</t>
  </si>
  <si>
    <t>106-46-7</t>
  </si>
  <si>
    <t>1,2,4-trichlorobenzene</t>
  </si>
  <si>
    <t>120-82-1</t>
  </si>
  <si>
    <r>
      <rPr>
        <sz val="11"/>
        <rFont val="ＭＳ Ｐゴシック"/>
        <family val="3"/>
        <charset val="128"/>
      </rPr>
      <t>クロロメチルメチルエーテル</t>
    </r>
    <r>
      <rPr>
        <sz val="11"/>
        <rFont val="Arial"/>
        <family val="2"/>
      </rPr>
      <t>/ Chloromethylmethlether</t>
    </r>
    <phoneticPr fontId="9"/>
  </si>
  <si>
    <t>Chlormethyl methyl ether;  chlorodimethyl ether</t>
  </si>
  <si>
    <t>107-30-2</t>
  </si>
  <si>
    <r>
      <rPr>
        <sz val="11"/>
        <rFont val="ＭＳ Ｐゴシック"/>
        <family val="3"/>
        <charset val="128"/>
      </rPr>
      <t>シクロヘキサン</t>
    </r>
    <r>
      <rPr>
        <sz val="11"/>
        <rFont val="Arial"/>
        <family val="2"/>
      </rPr>
      <t>/ Cyclohexane</t>
    </r>
    <phoneticPr fontId="9"/>
  </si>
  <si>
    <t>Cyclohexane</t>
  </si>
  <si>
    <t>110-82-7</t>
  </si>
  <si>
    <r>
      <rPr>
        <sz val="11"/>
        <rFont val="ＭＳ Ｐゴシック"/>
        <family val="3"/>
        <charset val="128"/>
      </rPr>
      <t>ジクロロメタン</t>
    </r>
    <r>
      <rPr>
        <sz val="11"/>
        <rFont val="Arial"/>
        <family val="2"/>
      </rPr>
      <t>/ Dichloromethane</t>
    </r>
    <phoneticPr fontId="9"/>
  </si>
  <si>
    <t>Dichloromethane</t>
  </si>
  <si>
    <r>
      <rPr>
        <sz val="11"/>
        <rFont val="ＭＳ Ｐゴシック"/>
        <family val="3"/>
        <charset val="128"/>
      </rPr>
      <t>臭化エチレン</t>
    </r>
    <r>
      <rPr>
        <sz val="11"/>
        <rFont val="Arial"/>
        <family val="2"/>
      </rPr>
      <t>/ Bromoethylene</t>
    </r>
    <phoneticPr fontId="9"/>
  </si>
  <si>
    <t>Bromoethylene</t>
  </si>
  <si>
    <t>593-60-2</t>
  </si>
  <si>
    <r>
      <rPr>
        <sz val="11"/>
        <rFont val="ＭＳ Ｐゴシック"/>
        <family val="3"/>
        <charset val="128"/>
      </rPr>
      <t>臭化プロパン</t>
    </r>
    <r>
      <rPr>
        <sz val="11"/>
        <rFont val="Arial"/>
        <family val="2"/>
      </rPr>
      <t>/ Bromopropane</t>
    </r>
    <phoneticPr fontId="9"/>
  </si>
  <si>
    <t>2,3-dibromopropan-1-ol;  2,3-dibromo-1-propanol</t>
  </si>
  <si>
    <t>96-13-9</t>
  </si>
  <si>
    <r>
      <rPr>
        <sz val="11"/>
        <rFont val="ＭＳ Ｐゴシック"/>
        <family val="3"/>
        <charset val="128"/>
      </rPr>
      <t>テトラクロロエタン</t>
    </r>
    <r>
      <rPr>
        <sz val="11"/>
        <rFont val="Arial"/>
        <family val="2"/>
      </rPr>
      <t>/ Tetrachloroethane</t>
    </r>
    <phoneticPr fontId="9"/>
  </si>
  <si>
    <t>1,1,1,2-tetrachloroethane</t>
  </si>
  <si>
    <t>630-20-6</t>
  </si>
  <si>
    <r>
      <rPr>
        <sz val="11"/>
        <rFont val="ＭＳ Ｐゴシック"/>
        <family val="3"/>
        <charset val="128"/>
      </rPr>
      <t>トルエン</t>
    </r>
    <r>
      <rPr>
        <sz val="11"/>
        <rFont val="Arial"/>
        <family val="2"/>
      </rPr>
      <t>/ Toluene</t>
    </r>
    <phoneticPr fontId="9"/>
  </si>
  <si>
    <t>Toluene</t>
  </si>
  <si>
    <t>108-88-3</t>
  </si>
  <si>
    <r>
      <rPr>
        <sz val="11"/>
        <rFont val="ＭＳ Ｐゴシック"/>
        <family val="3"/>
        <charset val="128"/>
      </rPr>
      <t>ニトロソアミン</t>
    </r>
    <r>
      <rPr>
        <sz val="11"/>
        <rFont val="Arial"/>
        <family val="2"/>
      </rPr>
      <t>/ Nitrosoamine</t>
    </r>
    <phoneticPr fontId="9"/>
  </si>
  <si>
    <t>Dimethylnitrosoamine;  N-nitrosodimethylamine</t>
  </si>
  <si>
    <t>62-75-9</t>
  </si>
  <si>
    <r>
      <rPr>
        <sz val="11"/>
        <rFont val="ＭＳ Ｐゴシック"/>
        <family val="3"/>
        <charset val="128"/>
      </rPr>
      <t>ニトロトルエン</t>
    </r>
    <r>
      <rPr>
        <sz val="11"/>
        <rFont val="Arial"/>
        <family val="2"/>
      </rPr>
      <t>/ Nitrotoluenes</t>
    </r>
    <phoneticPr fontId="9"/>
  </si>
  <si>
    <t>Dinitrotoluene</t>
  </si>
  <si>
    <t>25321-14-6</t>
  </si>
  <si>
    <t>2,3-dinitrotoluene</t>
  </si>
  <si>
    <t>602-01-7</t>
  </si>
  <si>
    <t>2,6-dinitrotoluene</t>
  </si>
  <si>
    <t>606-20-2</t>
  </si>
  <si>
    <t>3,4-dinitrotoluene</t>
  </si>
  <si>
    <t>610-39-9</t>
  </si>
  <si>
    <t>3,5-dinitrotoluene</t>
  </si>
  <si>
    <t>618-85-9</t>
  </si>
  <si>
    <t>2,5-dinitrotoluene</t>
  </si>
  <si>
    <t>619-15-8</t>
  </si>
  <si>
    <t>2-nitrotoluene</t>
  </si>
  <si>
    <t>88-72-2</t>
  </si>
  <si>
    <r>
      <rPr>
        <sz val="11"/>
        <rFont val="ＭＳ Ｐゴシック"/>
        <family val="3"/>
        <charset val="128"/>
      </rPr>
      <t>ニトロフェニルエーテル</t>
    </r>
    <r>
      <rPr>
        <sz val="11"/>
        <rFont val="Arial"/>
        <family val="2"/>
      </rPr>
      <t>/ Nitrophenylether</t>
    </r>
    <phoneticPr fontId="9"/>
  </si>
  <si>
    <t>Nitrofen (ISO);  2,4-dichlorophenyl 4-nitrophenyl ether</t>
  </si>
  <si>
    <t>1836-75-5</t>
  </si>
  <si>
    <r>
      <rPr>
        <sz val="11"/>
        <rFont val="ＭＳ Ｐゴシック"/>
        <family val="3"/>
        <charset val="128"/>
      </rPr>
      <t>ニトロベンズアルデヒド</t>
    </r>
    <r>
      <rPr>
        <sz val="11"/>
        <rFont val="Arial"/>
        <family val="2"/>
      </rPr>
      <t>/Nitrobenzaldehyde</t>
    </r>
    <phoneticPr fontId="9"/>
  </si>
  <si>
    <t>O-nitrobenzaldehyde</t>
  </si>
  <si>
    <t>552-89-6</t>
  </si>
  <si>
    <r>
      <rPr>
        <sz val="11"/>
        <rFont val="ＭＳ Ｐゴシック"/>
        <family val="3"/>
        <charset val="128"/>
      </rPr>
      <t>ビス</t>
    </r>
    <r>
      <rPr>
        <sz val="11"/>
        <rFont val="Arial"/>
        <family val="2"/>
      </rPr>
      <t>(</t>
    </r>
    <r>
      <rPr>
        <sz val="11"/>
        <rFont val="ＭＳ Ｐゴシック"/>
        <family val="3"/>
        <charset val="128"/>
      </rPr>
      <t>クロロメチル</t>
    </r>
    <r>
      <rPr>
        <sz val="11"/>
        <rFont val="Arial"/>
        <family val="2"/>
      </rPr>
      <t>)</t>
    </r>
    <r>
      <rPr>
        <sz val="11"/>
        <rFont val="ＭＳ Ｐゴシック"/>
        <family val="3"/>
        <charset val="128"/>
      </rPr>
      <t>エーテル</t>
    </r>
    <r>
      <rPr>
        <sz val="11"/>
        <rFont val="Arial"/>
        <family val="2"/>
      </rPr>
      <t>/ Bis(chloromethyl)ether</t>
    </r>
    <phoneticPr fontId="9"/>
  </si>
  <si>
    <t>Bis (chloromethyl) ether;  oxybis(chloromethane)</t>
  </si>
  <si>
    <t>542-88-1</t>
  </si>
  <si>
    <r>
      <rPr>
        <sz val="11"/>
        <rFont val="ＭＳ Ｐゴシック"/>
        <family val="3"/>
        <charset val="128"/>
      </rPr>
      <t>ヒドラジン</t>
    </r>
    <r>
      <rPr>
        <sz val="11"/>
        <rFont val="Arial"/>
        <family val="2"/>
      </rPr>
      <t>/ Hydrazines</t>
    </r>
    <phoneticPr fontId="9"/>
  </si>
  <si>
    <t xml:space="preserve">Phenylhydrazine;  </t>
  </si>
  <si>
    <t>100-63-0</t>
  </si>
  <si>
    <t>Hydrazobenzene;  1,2-diphenylhydrazine</t>
  </si>
  <si>
    <t>122-66-7</t>
  </si>
  <si>
    <t>Phenylhydrazine hydrochloride;</t>
  </si>
  <si>
    <t>27140-08-5</t>
  </si>
  <si>
    <t>1,2-dimethylhydrazine</t>
  </si>
  <si>
    <t>540-73-8</t>
  </si>
  <si>
    <t>N,N-dimethylhydrazine</t>
  </si>
  <si>
    <t>57-14-7</t>
  </si>
  <si>
    <t>Phenylhydrazinium chloride;</t>
  </si>
  <si>
    <t>59-88-1</t>
  </si>
  <si>
    <t>hydrazine bis(3-carboxy-4-hydroxybenzensulfonate)</t>
  </si>
  <si>
    <t>SN0021</t>
  </si>
  <si>
    <t>hydrazine-trinitromethane</t>
  </si>
  <si>
    <t>SN0022</t>
  </si>
  <si>
    <t>salts of hydrazine [group]</t>
  </si>
  <si>
    <t>SN0048</t>
  </si>
  <si>
    <r>
      <rPr>
        <sz val="11"/>
        <rFont val="ＭＳ Ｐゴシック"/>
        <family val="3"/>
        <charset val="128"/>
      </rPr>
      <t>ピロリドン</t>
    </r>
    <r>
      <rPr>
        <sz val="11"/>
        <rFont val="Arial"/>
        <family val="2"/>
      </rPr>
      <t>/ Pyrrolidone</t>
    </r>
    <phoneticPr fontId="9"/>
  </si>
  <si>
    <t>N-ethyl-2-pyrrolidone; 1-ethylpyrrolidin-2-one</t>
  </si>
  <si>
    <t>2687-91-4</t>
  </si>
  <si>
    <r>
      <rPr>
        <sz val="11"/>
        <rFont val="ＭＳ Ｐゴシック"/>
        <family val="3"/>
        <charset val="128"/>
      </rPr>
      <t>フェノール</t>
    </r>
    <r>
      <rPr>
        <sz val="11"/>
        <rFont val="Arial"/>
        <family val="2"/>
      </rPr>
      <t>/ Phenols</t>
    </r>
    <phoneticPr fontId="9"/>
  </si>
  <si>
    <t>(E)-3-[1-[4-[2-(dimethylamino)ethoxy]pheny1]-2-phenylbut-1-enyl]phenol</t>
  </si>
  <si>
    <t>82413-20-5</t>
  </si>
  <si>
    <t>Phenols, ammonia liquor ext.;  Alkaline Extract</t>
  </si>
  <si>
    <t>84988-93-2</t>
  </si>
  <si>
    <t>Phenols, C9-11;  Distillate Phenols</t>
  </si>
  <si>
    <t>91079-47-9</t>
  </si>
  <si>
    <r>
      <rPr>
        <sz val="11"/>
        <rFont val="ＭＳ Ｐゴシック"/>
        <family val="3"/>
        <charset val="128"/>
      </rPr>
      <t>フォルムアミド</t>
    </r>
    <r>
      <rPr>
        <sz val="11"/>
        <rFont val="Arial"/>
        <family val="2"/>
      </rPr>
      <t>/ Formamide</t>
    </r>
    <phoneticPr fontId="9"/>
  </si>
  <si>
    <t>N-methylformamide</t>
  </si>
  <si>
    <t>123-39-7</t>
  </si>
  <si>
    <r>
      <rPr>
        <sz val="11"/>
        <rFont val="ＭＳ Ｐゴシック"/>
        <family val="3"/>
        <charset val="128"/>
      </rPr>
      <t>ブタジエン</t>
    </r>
    <r>
      <rPr>
        <sz val="11"/>
        <rFont val="Arial"/>
        <family val="2"/>
      </rPr>
      <t>/ Butadiene</t>
    </r>
    <phoneticPr fontId="9"/>
  </si>
  <si>
    <t>1,3-butadiene;  buta-1,3-diene</t>
  </si>
  <si>
    <t>106-99-0</t>
  </si>
  <si>
    <r>
      <rPr>
        <sz val="11"/>
        <rFont val="ＭＳ Ｐゴシック"/>
        <family val="3"/>
        <charset val="128"/>
      </rPr>
      <t>フタル酸エステル</t>
    </r>
    <r>
      <rPr>
        <sz val="11"/>
        <rFont val="Arial"/>
        <family val="2"/>
      </rPr>
      <t>/ Phthalate</t>
    </r>
    <phoneticPr fontId="9"/>
  </si>
  <si>
    <t>n-pentyl-isopentylphthalate</t>
  </si>
  <si>
    <t>SN0029</t>
  </si>
  <si>
    <r>
      <rPr>
        <sz val="11"/>
        <rFont val="ＭＳ Ｐゴシック"/>
        <family val="3"/>
        <charset val="128"/>
      </rPr>
      <t>ブタン</t>
    </r>
    <r>
      <rPr>
        <sz val="11"/>
        <rFont val="Arial"/>
        <family val="2"/>
      </rPr>
      <t>/ Butane</t>
    </r>
    <phoneticPr fontId="9"/>
  </si>
  <si>
    <t xml:space="preserve">Butane (containing ? 0.1 % butadiene (203-450-8));   </t>
  </si>
  <si>
    <t>106-97-8</t>
  </si>
  <si>
    <r>
      <rPr>
        <sz val="11"/>
        <rFont val="ＭＳ Ｐゴシック"/>
        <family val="3"/>
        <charset val="128"/>
      </rPr>
      <t>プロパノール</t>
    </r>
    <r>
      <rPr>
        <sz val="11"/>
        <rFont val="Arial"/>
        <family val="2"/>
      </rPr>
      <t>/Propanols</t>
    </r>
    <phoneticPr fontId="9"/>
  </si>
  <si>
    <t>2-methoxypropanol</t>
  </si>
  <si>
    <t>1589-47-5</t>
  </si>
  <si>
    <t>R-2,3-epoxy-1-propanol</t>
  </si>
  <si>
    <t>57044-25-4</t>
  </si>
  <si>
    <r>
      <rPr>
        <sz val="11"/>
        <rFont val="ＭＳ Ｐゴシック"/>
        <family val="3"/>
        <charset val="128"/>
      </rPr>
      <t>プロパン</t>
    </r>
    <r>
      <rPr>
        <sz val="11"/>
        <rFont val="Arial"/>
        <family val="2"/>
      </rPr>
      <t>/ Propane</t>
    </r>
    <phoneticPr fontId="9"/>
  </si>
  <si>
    <t>2-bromopropane</t>
  </si>
  <si>
    <t>75-26-3</t>
  </si>
  <si>
    <r>
      <rPr>
        <sz val="11"/>
        <rFont val="ＭＳ Ｐゴシック"/>
        <family val="3"/>
        <charset val="128"/>
      </rPr>
      <t>ブロモエタン</t>
    </r>
    <r>
      <rPr>
        <sz val="11"/>
        <rFont val="Arial"/>
        <family val="2"/>
      </rPr>
      <t>/Bromoethane</t>
    </r>
    <phoneticPr fontId="9"/>
  </si>
  <si>
    <t>1,2-dibromoethane</t>
  </si>
  <si>
    <t>106-93-4</t>
  </si>
  <si>
    <r>
      <rPr>
        <sz val="11"/>
        <rFont val="ＭＳ Ｐゴシック"/>
        <family val="3"/>
        <charset val="128"/>
      </rPr>
      <t>ベンジジンのその塩または誘導体</t>
    </r>
    <r>
      <rPr>
        <sz val="11"/>
        <rFont val="Arial"/>
        <family val="2"/>
      </rPr>
      <t>/ Benzidine and its salts or its derivatives</t>
    </r>
    <phoneticPr fontId="9"/>
  </si>
  <si>
    <t>Direct Orange 1</t>
  </si>
  <si>
    <t>13164-93-7</t>
  </si>
  <si>
    <t>Benzidine sulphate</t>
  </si>
  <si>
    <t>21136-70-9</t>
  </si>
  <si>
    <t>4,4'-Diaminodiphenyl-2,2'-disulfonic acid disodium salt</t>
  </si>
  <si>
    <t>27336-24-9</t>
  </si>
  <si>
    <t>Benzidine acetate</t>
  </si>
  <si>
    <t>36341-27-2</t>
  </si>
  <si>
    <t>[1,1'-Biphenyl]-4,4'-diamine, dihydrochloride</t>
  </si>
  <si>
    <t>531-85-1</t>
  </si>
  <si>
    <t>Benzidine salt</t>
  </si>
  <si>
    <t>531-86-2</t>
  </si>
  <si>
    <t>3,3'-Dimethylbenzidine dihydrochloride</t>
  </si>
  <si>
    <t>612-82-8</t>
  </si>
  <si>
    <t>3,3'-Dichlorobenzidine dihydrochloride</t>
  </si>
  <si>
    <t>612-83-9</t>
  </si>
  <si>
    <t>N,N'-diacetylbenzidine</t>
  </si>
  <si>
    <t>613-35-4</t>
  </si>
  <si>
    <t>Salts of 3,3'-dichlorobenzidine;  salts of 3,3'-dichlorobiphenyl-4,4'-ylenediamine</t>
  </si>
  <si>
    <t>64969-34-2</t>
  </si>
  <si>
    <t>Salts of 4,4'-bi-o-toluidine; salts of 3,3'-dimethylbenzidine; salts of o-tolidine&lt;2&gt;</t>
  </si>
  <si>
    <t>64969-36-4</t>
  </si>
  <si>
    <t>[1,1'-Biphenyl]-4,4'-diamine, 2,2'-dichloro-, sulfate (1:1)</t>
  </si>
  <si>
    <t>70146-07-5</t>
  </si>
  <si>
    <t>Dipotassium O,O'-(4,4'-diaminobiphenyl-3,3'-ylene)diglycollate</t>
  </si>
  <si>
    <t>74220-10-3</t>
  </si>
  <si>
    <t>biphenyl-3,3',4,4'-tetrayltetraamine; diaminobenzidine</t>
  </si>
  <si>
    <t>91-95-2</t>
  </si>
  <si>
    <t>salts of 3,3'-dimethoxybenzidine [group]; salts of o-dianisidine [group]</t>
  </si>
  <si>
    <t>SN0043</t>
  </si>
  <si>
    <t>Salts or derivatives of benzidine [group]</t>
  </si>
  <si>
    <t>SN0051</t>
  </si>
  <si>
    <r>
      <rPr>
        <sz val="10"/>
        <rFont val="ＭＳ Ｐゴシック"/>
        <family val="3"/>
        <charset val="128"/>
      </rPr>
      <t>ベンゼン</t>
    </r>
    <r>
      <rPr>
        <sz val="10"/>
        <rFont val="Arial"/>
        <family val="2"/>
      </rPr>
      <t>/ Benzene</t>
    </r>
    <phoneticPr fontId="9"/>
  </si>
  <si>
    <t>Benzene</t>
  </si>
  <si>
    <t>71-43-2</t>
  </si>
  <si>
    <r>
      <rPr>
        <sz val="10"/>
        <rFont val="ＭＳ Ｐゴシック"/>
        <family val="3"/>
        <charset val="128"/>
      </rPr>
      <t>クロロフェノール</t>
    </r>
    <r>
      <rPr>
        <sz val="10"/>
        <rFont val="Arial"/>
        <family val="2"/>
      </rPr>
      <t>/ Chloropnenol</t>
    </r>
    <phoneticPr fontId="9"/>
  </si>
  <si>
    <t>Salts or esters of pentachlorophenol [group]</t>
  </si>
  <si>
    <t>SN0052</t>
  </si>
  <si>
    <r>
      <rPr>
        <sz val="11"/>
        <rFont val="ＭＳ Ｐゴシック"/>
        <family val="3"/>
        <charset val="128"/>
      </rPr>
      <t>ワセリン</t>
    </r>
    <r>
      <rPr>
        <sz val="11"/>
        <rFont val="Arial"/>
        <family val="2"/>
      </rPr>
      <t>/ Petrolatum</t>
    </r>
    <phoneticPr fontId="9"/>
  </si>
  <si>
    <t>Petrolatum;  Petrolatum</t>
  </si>
  <si>
    <r>
      <rPr>
        <sz val="11"/>
        <rFont val="ＭＳ Ｐゴシック"/>
        <family val="3"/>
        <charset val="128"/>
      </rPr>
      <t>亜硝酸化合物</t>
    </r>
    <r>
      <rPr>
        <sz val="11"/>
        <rFont val="Arial"/>
        <family val="2"/>
      </rPr>
      <t>/ Nitrite</t>
    </r>
    <phoneticPr fontId="9"/>
  </si>
  <si>
    <t>Isobutyl nitrite</t>
  </si>
  <si>
    <t>542-56-3</t>
  </si>
  <si>
    <r>
      <rPr>
        <sz val="11"/>
        <rFont val="ＭＳ Ｐゴシック"/>
        <family val="3"/>
        <charset val="128"/>
      </rPr>
      <t>耐火セラミック繊維</t>
    </r>
    <r>
      <rPr>
        <sz val="11"/>
        <rFont val="Arial"/>
        <family val="2"/>
      </rPr>
      <t>/ Refractory Ceramic Fibres</t>
    </r>
    <phoneticPr fontId="9"/>
  </si>
  <si>
    <t>Refractory Ceramic Fibres, Special Purpose Fibres; [Man-made vitreous (silicate) fibres with random orientation with alkaline oxide and alkali earth oxide (Na2O+K2O+CaO+MgO+BaO) content less or equal to 18 % by weight]</t>
  </si>
  <si>
    <t>SN0077</t>
  </si>
  <si>
    <t>O-isobutyl-N-ethoxy  carbonylthiocarbamate</t>
  </si>
  <si>
    <t>103122-66-3</t>
  </si>
  <si>
    <t>1-chloro-2,3-epoxypropane;  epichlorohydrin</t>
  </si>
  <si>
    <t>106-89-8</t>
  </si>
  <si>
    <t>Acrylonitrile</t>
  </si>
  <si>
    <t>107-13-1</t>
  </si>
  <si>
    <t>(6-(4-hydroxy-3-(2-methoxyphenylazo)-2-sulfonato-7-naphthylamino)-1,3,5-triazin-2,4-diyl)bis[(amino-1-methylethyl)ammonium] formate</t>
  </si>
  <si>
    <t>108225-03-2</t>
  </si>
  <si>
    <t>2-methoxyethyl acetate;  methylglycol acetate</t>
  </si>
  <si>
    <t>110-49-6</t>
  </si>
  <si>
    <t>(methylenebis(4,1-phenylenazo(1-(3-(dimethylamino)propyl)-1,2-dihydro-6-hydroxy-4-methyl-2-oxopyridine-5,3-diyl)))-1,1'-dipyridinium dichloride dihydrochloride</t>
  </si>
  <si>
    <t>118658-99-4</t>
  </si>
  <si>
    <t>(+/-)- tetrahydrofurfuryl-(R)-2-[4-(6-chloroquinoxalin-2-yloxy)phenyloxy]propionate</t>
  </si>
  <si>
    <t>119738-06-6</t>
  </si>
  <si>
    <t>Phenyl glycidyl ether;  2,3-epoxypropyl phenyl ether;  1,2-epoxy-3-phenoxypropane</t>
  </si>
  <si>
    <t>122-60-1</t>
  </si>
  <si>
    <t>Chloroprene (stabilized);  2-chlorobuta-1,3-diene</t>
  </si>
  <si>
    <t>126-99-8</t>
  </si>
  <si>
    <t>3-amino-9-ethyl carbazole; 9-ethylcarbazol-3-ylamine</t>
  </si>
  <si>
    <t>132-32-1</t>
  </si>
  <si>
    <t>Dimethylsulfamoylchloride</t>
  </si>
  <si>
    <t>13360-57-1</t>
  </si>
  <si>
    <t>2,2'-bioxirane;  1,2:3,4-diepoxybutane</t>
  </si>
  <si>
    <t>1464-53-5</t>
  </si>
  <si>
    <t>Ethyleneimine;  aziridine</t>
  </si>
  <si>
    <t>151-56-4</t>
  </si>
  <si>
    <t>2-[2-hydroxy-3-(2-chlorophenyl)carbamoyl-1-naphthylazo]-7-[2-hydroxy-3-(3- methylphenyl)carbamoyl-1-naphthylazo]fluoren-9-one</t>
  </si>
  <si>
    <t>151798-26-4</t>
  </si>
  <si>
    <t>Trisodium [4'-(8-acetylamino-3,6-disulfonato-2-naphthylazo)-4''-(6-benzoylamino-3-sulfonato-2-naphthylazo)-biphenyl-1,3',3'',1'''-tetraolato-O,O',O'',O''']copper(II)</t>
  </si>
  <si>
    <t>164058-22-4</t>
  </si>
  <si>
    <t>potassium 1-methyl-3-morpholinocarbonyl-4-[3-(1-methyl-3-morpholinocarbonyl-5-oxo-2-pyrazolin-4-ylidene)-1-propenyl]pyrazole-5-olate [containing &gt;= 0.5 % N,N-dimethylformamide (EC No 200-679-5)]</t>
  </si>
  <si>
    <t>183196-57-8</t>
  </si>
  <si>
    <t>7-methoxy-6-(3-morpholin-4-yl-propoxy)-3H-quinazolin-4-one [containing &gt;= 0.5 % formamide (EC No 200-842-0) ]</t>
  </si>
  <si>
    <t>199327-61-2</t>
  </si>
  <si>
    <t>1-(2-amino-5-chlorophenyl)-2,2,2-trifluoro-1,1-ethanediol, hydrochloride [containing &gt;= 0.1 % 4-chloroaniline (EC No 203-401-0)]</t>
  </si>
  <si>
    <t>214353-17-0</t>
  </si>
  <si>
    <t>indium phosphide</t>
  </si>
  <si>
    <t>22398-80-7</t>
  </si>
  <si>
    <t>Tridemorph (ISO);  2,6-dimethyl-4-tridecylmorpholine</t>
  </si>
  <si>
    <t>24602-86-6</t>
  </si>
  <si>
    <t>1,4,5,8-tetraaminoanthraquinone;  C.I. Disperse Blue 1</t>
  </si>
  <si>
    <t>2475-45-8</t>
  </si>
  <si>
    <t>2,2'-methylenediphenyl diisocyanate; diphenylmethane-2,2'-diisocyanate;</t>
    <phoneticPr fontId="9"/>
  </si>
  <si>
    <t>N,N-(dimethylamino)thioacetamide hydrochloride</t>
  </si>
  <si>
    <t>27366-72-9</t>
  </si>
  <si>
    <t>2,3-epoxypropyltrimethylammonium chloride;Trimethyl(oxiran-2-ylmethyl)ammonium chloride</t>
  </si>
  <si>
    <t>3033-77-0</t>
  </si>
  <si>
    <t>4-chloro-o-toluidine hydrochloride</t>
  </si>
  <si>
    <t>3165-93-3</t>
  </si>
  <si>
    <t>Diazomethane</t>
  </si>
  <si>
    <t>334-88-3</t>
  </si>
  <si>
    <t>chloro-N,N-dimethylformiminium chloride</t>
  </si>
  <si>
    <t>3724-43-4</t>
  </si>
  <si>
    <t>6-(2-chloroethyl)-6-(2-methoxyethoxy)-2,5,7,10-tetraoxa-6-silaundecane;  etacelasil</t>
  </si>
  <si>
    <t>37894-46-5</t>
  </si>
  <si>
    <t>2,4-diaminoanisole sulphate</t>
  </si>
  <si>
    <t>39156-41-7</t>
  </si>
  <si>
    <t>4-amino-3-fluorophenol</t>
  </si>
  <si>
    <t>399-95-1</t>
  </si>
  <si>
    <t>(2-chloroethyl)(3-hydroxypropyl)ammonium chloride</t>
  </si>
  <si>
    <t>40722-80-3</t>
  </si>
  <si>
    <t>Binapacryl (ISO);  2-sec-butyl-4,6-dinitrophenyl-3-methylcrotonate</t>
  </si>
  <si>
    <t>485-31-4</t>
  </si>
  <si>
    <t>R-1-chloro-2,3-epoxypropane</t>
  </si>
  <si>
    <t>51594-55-9</t>
  </si>
  <si>
    <t>Urethane (INN);  ethyl carbamate</t>
  </si>
  <si>
    <t>51-79-6</t>
  </si>
  <si>
    <t>Phenylhydrazinium sulphate (2:1)</t>
  </si>
  <si>
    <t>52033-74-6</t>
  </si>
  <si>
    <t>Tris-aziridinylphosphinoxide</t>
  </si>
  <si>
    <t>545-55-1</t>
  </si>
  <si>
    <t>2,3-epoxypropan-1-ol;  glycidol;  oxiranemethanol</t>
  </si>
  <si>
    <t>556-52-5</t>
  </si>
  <si>
    <t>cyclic 3-(1,2-ethanediylacetale)-estra-5(10),9(11)-diene-3,17-dione</t>
  </si>
  <si>
    <t>5571-36-8</t>
  </si>
  <si>
    <t>3-propanolide;  1,3-propiolactone</t>
  </si>
  <si>
    <t>57-57-8</t>
  </si>
  <si>
    <t>2-nitronaphthalene</t>
  </si>
  <si>
    <t>581-89-5</t>
  </si>
  <si>
    <t>o-(p-isocyanatobenzyl)phenyl isocyanate; diphenylmethane-2,4'-diisocyanate; 2,4'-Diphenyl methane diisocyanate</t>
  </si>
  <si>
    <t>5873-54-1</t>
  </si>
  <si>
    <t>Methyl-ONN-azoxymethyl acetate;  methyl azoxy methyl acetate</t>
  </si>
  <si>
    <t>592-62-1</t>
  </si>
  <si>
    <t>5-nitroacenaphthene</t>
  </si>
  <si>
    <t>602-87-9</t>
  </si>
  <si>
    <t>Tetrahydrothiopyran-3-carboxaldehyde</t>
  </si>
  <si>
    <t>61571-06-0</t>
  </si>
  <si>
    <t>Nitrosodipropylamine</t>
  </si>
  <si>
    <t>621-64-7</t>
  </si>
  <si>
    <t>Thioacetamide</t>
  </si>
  <si>
    <t>62-55-5</t>
  </si>
  <si>
    <t>ketoconazole; 1-[4-[4-[[(2SR,4RS)-2-(2,4-dichlorophenyl)-2-(imidazol-1-ylmethyl)-1,3-dioxolan-4-yl]methoxy]phenyl]piperazin-1-yl]ethanone</t>
  </si>
  <si>
    <t>65277-42-1</t>
  </si>
  <si>
    <t>Toluene-2,4-diammonium sulphate;  4-methyl-m-phenylenediamine sulfate</t>
  </si>
  <si>
    <t>65321-67-7</t>
  </si>
  <si>
    <t>Cycloheximide</t>
  </si>
  <si>
    <t>66-81-9</t>
  </si>
  <si>
    <t>Hexamethylphosphoric triamide;  hexamethylphosphoramide</t>
  </si>
  <si>
    <t>680-31-9</t>
  </si>
  <si>
    <t>Carbadox (INN);  methyl 3-(quinoxalin-2-ylmethylene)carbazate 1,4-dioxide;  2-(methoxycarbonylhydrazonomethyl)quinoxaline 1,4-dioxide</t>
  </si>
  <si>
    <t>4,4-isobutylethylidenediphenol</t>
  </si>
  <si>
    <t>6807-17-6</t>
  </si>
  <si>
    <t>Soap bark powder (Quillaja saponaria) and its derivatives containing saponines</t>
  </si>
  <si>
    <t>68990-67-0</t>
  </si>
  <si>
    <t>Fluazifop-butyl (ISO);  butyl (RS)-2-[4-(5-trifluoromethyl-2-pyridyloxy)phenoxy]propionate</t>
  </si>
  <si>
    <t>69806-50-4</t>
  </si>
  <si>
    <t>1-methyl-3-nitro-1-nitrosoguanidine</t>
  </si>
  <si>
    <t>70-25-7</t>
  </si>
  <si>
    <t>2-methoxypropyl acetate</t>
  </si>
  <si>
    <t>70657-70-4</t>
  </si>
  <si>
    <t>Oxiranemethanol, 4-methylbenzene-sulfonate, (S)-</t>
  </si>
  <si>
    <t>70987-78-9</t>
  </si>
  <si>
    <t>74332-73-3</t>
  </si>
  <si>
    <t>Salts of 4,4'-bi-o-toluidine; salts of 3,3'-dimethylbenzidine; salts of o-tolidine&lt;3&gt;</t>
  </si>
  <si>
    <t>74753-18-7</t>
  </si>
  <si>
    <t>Lubricating greases;  Grease</t>
  </si>
  <si>
    <t>74869-21-9</t>
  </si>
  <si>
    <t>Ethylene oxide;  oxirane</t>
  </si>
  <si>
    <t>75-21-8</t>
  </si>
  <si>
    <t>2-methylaziridine;  propyleneimine</t>
  </si>
  <si>
    <t>75-55-8</t>
  </si>
  <si>
    <t>1,4-dichlorobut-2-ene</t>
  </si>
  <si>
    <t>764-41-0</t>
  </si>
  <si>
    <t>Methyl acrylamidomethoxyacetate (containing ? 0,1 % acrylamid)</t>
  </si>
  <si>
    <t>77402-03-0</t>
  </si>
  <si>
    <t>Methyl acrylamidoglycolate (containing ? 0,1  % acrylamide)</t>
  </si>
  <si>
    <t>77402-05-2</t>
  </si>
  <si>
    <t>Potassium bromate</t>
  </si>
  <si>
    <t>Isoprene (stabilized);  2-methyl-1,3-butadiene</t>
  </si>
  <si>
    <t>78-79-5</t>
  </si>
  <si>
    <t>Dimethylcarbamoyl chloride</t>
  </si>
  <si>
    <t>79-44-7</t>
  </si>
  <si>
    <t>2-nitropropane</t>
  </si>
  <si>
    <t>79-46-9</t>
  </si>
  <si>
    <t>2-ethylhexyl[[[3,5-bis(1,1-dimethylethyl)-4-hydroxyphenyl]methyl]thio]acetate</t>
  </si>
  <si>
    <t>80387-97-9</t>
  </si>
  <si>
    <t>N-[6,9-dihydro-9-[[2-hydroxy-1-(hydroxymethyl)ethoxy] methyl]-6-oxo-1H-purin-2-yllacetamide</t>
  </si>
  <si>
    <t>84245-12-5</t>
  </si>
  <si>
    <t>6-hydroxy-1-(3-isopropoxypropyl)-4-methyl-2-oxo-5-[4-(phenylazo)phenylazo]-1,2-dihydro-3-pyridinecarbonitrile</t>
  </si>
  <si>
    <t>85136-74-9</t>
  </si>
  <si>
    <t>Flusilazole (ISO);  bis(4-fluorophenyl)(methyl)(1H-1,2,4-triazol-1-ylmethyl)silane</t>
  </si>
  <si>
    <t>85509-19-9</t>
  </si>
  <si>
    <t>Slack wax (petroleum), acid-treated;  Slack wax</t>
  </si>
  <si>
    <t>90669-77-5</t>
  </si>
  <si>
    <t>Slack wax (petroleum), clay-treated;  Slack wax</t>
  </si>
  <si>
    <t>90669-78-6</t>
  </si>
  <si>
    <t>2-nitroanisole</t>
  </si>
  <si>
    <t>91-23-6</t>
  </si>
  <si>
    <t>slimes and sludges, copper electrolyte refining, decopperised</t>
  </si>
  <si>
    <t>94551-87-8</t>
  </si>
  <si>
    <t>Safrole;  5-allyl-1,3-benzodioxole</t>
  </si>
  <si>
    <t>94-59-7</t>
  </si>
  <si>
    <t>2-butyry1-3-hydroxy-5-thiocyclo-hexan-3-yl-cyclohex-2-en-1-one</t>
  </si>
  <si>
    <t>94723-86-1</t>
  </si>
  <si>
    <t>Styrene oxide;  (epoxyethyl)benzene;  phenyloxirane</t>
  </si>
  <si>
    <t>4-tert-butylbenzoic acid</t>
  </si>
  <si>
    <t>98-73-7</t>
  </si>
  <si>
    <t>A mixture of: 1,3,5-tris(3-aminomethylphenyl)-1,3,5-(1H,3H,5H)-triazine-2,4,6-trione; a mixture of oligomers of 3,5-bis(3-aminomethylphenyl)-1-poly[3,5-bis(3-aminomethylphenyl)-2,4,6-trioxo-1,3,5-(1H,3H,5H)-triazin-1-yl]-1,3,5-(1H,3H,5H)-triazine-2,4,6-tr</t>
  </si>
  <si>
    <t>SN0003</t>
  </si>
  <si>
    <t>A mixture of: 4-[[bis-(4-fluorophenyl)methylsilyl]methyl]-4H-1,2,4-triazole; 1-[[bis-(4-fluorophenyl)methylsilyl]methyl]-1H-1,2,4-triazole</t>
  </si>
  <si>
    <t>SN0004</t>
  </si>
  <si>
    <t>A mixture of: disodium 4-(3-ethoxycarbonyl-4-(5-(3-ethoxycarbonyl-5-hydroxy-1-(4-sulfonatophenyl)pyrazol-4-yl)penta-2,4-dienylidene)-4,5-dihydro-5-oxopyrazol-1-yl)benzenesulfonate; trisodium 4-(3-ethoxycarbonyl-4-(5-(3-ethoxycarbonyl-5-oxido-1-(4-sulfonat</t>
  </si>
  <si>
    <t>SN0005</t>
  </si>
  <si>
    <t>A mixture of: N-[3-hydroxy-2-(2-methylacryloylaminomethoxy)propoxymethyl]-2-methylacrylamide; N-[2,3-bis-(2-methylacryloylaminomethoxy)propoxymethyl]-2-methylacrylamide; methacrylamide; 2-methyl-N-(2-methylacryloylaminomethoxymethyl)-acrylamide; N-(2,3-di</t>
  </si>
  <si>
    <t>SN0006</t>
  </si>
  <si>
    <t>methyl-phenylene diamine; diaminotoluene; [technical product - mixture of 4-methyl-m-phenylene diamine (EC No 202-453-1) and 2-methyl-m-phenylene diamine (EC No 212-513-9)]</t>
  </si>
  <si>
    <t>SN0025</t>
  </si>
  <si>
    <t>mixture of: dimethyl (2-(hydroxymethylcarbamoyl)ethyl)phosphonate; diethyl (2-(hydroxymethylcarbamoyl)ethyl)phosphonate; methyl ethyl (2-(hydroxymethylcarbamoyl)ethyl)phosphonate</t>
  </si>
  <si>
    <t>SN0026</t>
  </si>
  <si>
    <t>O-hexyl-N-ethoxycarbonylthiocarbamate</t>
  </si>
  <si>
    <t>SN0031</t>
  </si>
  <si>
    <t xml:space="preserve"> </t>
  </si>
  <si>
    <r>
      <t>C2-</t>
    </r>
    <r>
      <rPr>
        <b/>
        <sz val="12"/>
        <rFont val="ＭＳ Ｐゴシック"/>
        <family val="3"/>
        <charset val="128"/>
      </rPr>
      <t>別表／</t>
    </r>
    <r>
      <rPr>
        <b/>
        <sz val="12"/>
        <rFont val="Arial"/>
        <family val="2"/>
      </rPr>
      <t>C2-Appendix</t>
    </r>
    <phoneticPr fontId="9"/>
  </si>
  <si>
    <r>
      <t>2-2</t>
    </r>
    <r>
      <rPr>
        <b/>
        <sz val="11"/>
        <rFont val="ＭＳ Ｐゴシック"/>
        <family val="3"/>
        <charset val="128"/>
      </rPr>
      <t>項の確認結果が「</t>
    </r>
    <r>
      <rPr>
        <b/>
        <sz val="11"/>
        <rFont val="Arial"/>
        <family val="2"/>
      </rPr>
      <t>Not Applicable</t>
    </r>
    <r>
      <rPr>
        <b/>
        <sz val="11"/>
        <rFont val="ＭＳ Ｐゴシック"/>
        <family val="3"/>
        <charset val="128"/>
      </rPr>
      <t>」の項目について、下記の判定基準に従い確認した結果、該当する項目の｢確認結果｣欄にチェック（</t>
    </r>
    <r>
      <rPr>
        <b/>
        <sz val="11"/>
        <rFont val="Arial"/>
        <family val="2"/>
      </rPr>
      <t>X</t>
    </r>
    <r>
      <rPr>
        <b/>
        <sz val="11"/>
        <rFont val="ＭＳ Ｐゴシック"/>
        <family val="3"/>
        <charset val="128"/>
      </rPr>
      <t>）しています／</t>
    </r>
    <rPh sb="3" eb="4">
      <t>コウ</t>
    </rPh>
    <phoneticPr fontId="81"/>
  </si>
  <si>
    <t>Regarding items whose confirmatory result are "Not Applicable" in clause 2-2, "X" are entered in the result column as the result of the confirmation pursuant to the criteria.</t>
    <phoneticPr fontId="9"/>
  </si>
  <si>
    <r>
      <rPr>
        <sz val="11"/>
        <rFont val="ＭＳ Ｐゴシック"/>
        <family val="3"/>
        <charset val="128"/>
      </rPr>
      <t xml:space="preserve">化学物質名／
</t>
    </r>
    <r>
      <rPr>
        <sz val="11"/>
        <rFont val="Arial"/>
        <family val="2"/>
      </rPr>
      <t>Substances</t>
    </r>
    <phoneticPr fontId="9"/>
  </si>
  <si>
    <r>
      <rPr>
        <sz val="11"/>
        <rFont val="ＭＳ Ｐゴシック"/>
        <family val="3"/>
        <charset val="128"/>
      </rPr>
      <t>確認内容（判定基準）／</t>
    </r>
    <r>
      <rPr>
        <sz val="11"/>
        <rFont val="Arial"/>
        <family val="2"/>
      </rPr>
      <t>Check point (Criteria)</t>
    </r>
    <phoneticPr fontId="9"/>
  </si>
  <si>
    <r>
      <rPr>
        <sz val="11"/>
        <rFont val="ＭＳ Ｐゴシック"/>
        <family val="3"/>
        <charset val="128"/>
      </rPr>
      <t xml:space="preserve">確認結果／
</t>
    </r>
    <r>
      <rPr>
        <sz val="11"/>
        <rFont val="Arial"/>
        <family val="2"/>
      </rPr>
      <t>Result</t>
    </r>
    <rPh sb="0" eb="2">
      <t>カクニン</t>
    </rPh>
    <phoneticPr fontId="9"/>
  </si>
  <si>
    <r>
      <t>REACH</t>
    </r>
    <r>
      <rPr>
        <sz val="11"/>
        <rFont val="ＭＳ Ｐゴシック"/>
        <family val="3"/>
        <charset val="128"/>
      </rPr>
      <t>規則　制限物質／</t>
    </r>
    <r>
      <rPr>
        <sz val="11"/>
        <rFont val="Arial"/>
        <family val="2"/>
      </rPr>
      <t>REACH Regulation Restricted substances</t>
    </r>
    <rPh sb="5" eb="7">
      <t>キソク</t>
    </rPh>
    <rPh sb="8" eb="10">
      <t>セイゲン</t>
    </rPh>
    <rPh sb="10" eb="12">
      <t>ブッシツ</t>
    </rPh>
    <phoneticPr fontId="9"/>
  </si>
  <si>
    <r>
      <rPr>
        <b/>
        <sz val="11"/>
        <color theme="0"/>
        <rFont val="ＭＳ Ｐゴシック"/>
        <family val="3"/>
        <charset val="128"/>
      </rPr>
      <t>使用禁止／</t>
    </r>
    <phoneticPr fontId="9"/>
  </si>
  <si>
    <r>
      <rPr>
        <sz val="11"/>
        <rFont val="ＭＳ Ｐゴシック"/>
        <family val="3"/>
        <charset val="128"/>
      </rPr>
      <t xml:space="preserve">使用可／
</t>
    </r>
    <r>
      <rPr>
        <sz val="11"/>
        <rFont val="Arial"/>
        <family val="2"/>
      </rPr>
      <t>Usable</t>
    </r>
    <phoneticPr fontId="9"/>
  </si>
  <si>
    <r>
      <rPr>
        <b/>
        <sz val="11"/>
        <color theme="0"/>
        <rFont val="ＭＳ Ｐゴシック"/>
        <family val="3"/>
        <charset val="128"/>
      </rPr>
      <t>使用禁止／</t>
    </r>
    <phoneticPr fontId="9"/>
  </si>
  <si>
    <r>
      <rPr>
        <sz val="11"/>
        <rFont val="ＭＳ Ｐゴシック"/>
        <family val="3"/>
        <charset val="128"/>
      </rPr>
      <t xml:space="preserve">使用可／
</t>
    </r>
    <r>
      <rPr>
        <sz val="11"/>
        <rFont val="Arial"/>
        <family val="2"/>
      </rPr>
      <t>Usable</t>
    </r>
    <phoneticPr fontId="9"/>
  </si>
  <si>
    <r>
      <rPr>
        <sz val="11"/>
        <rFont val="ＭＳ Ｐゴシック"/>
        <family val="3"/>
        <charset val="128"/>
      </rPr>
      <t>天然ゴム／</t>
    </r>
    <r>
      <rPr>
        <sz val="11"/>
        <rFont val="Arial"/>
        <family val="2"/>
      </rPr>
      <t>natural ruber</t>
    </r>
    <rPh sb="0" eb="2">
      <t>テンネン</t>
    </rPh>
    <phoneticPr fontId="9"/>
  </si>
  <si>
    <r>
      <rPr>
        <b/>
        <sz val="11"/>
        <color theme="0"/>
        <rFont val="ＭＳ Ｐゴシック"/>
        <family val="3"/>
        <charset val="128"/>
      </rPr>
      <t>使用禁止／</t>
    </r>
    <phoneticPr fontId="9"/>
  </si>
  <si>
    <t>Banned</t>
    <phoneticPr fontId="9"/>
  </si>
  <si>
    <r>
      <rPr>
        <sz val="11"/>
        <rFont val="ＭＳ Ｐゴシック"/>
        <family val="3"/>
        <charset val="128"/>
      </rPr>
      <t>ポリ塩化ビニル／</t>
    </r>
    <r>
      <rPr>
        <sz val="11"/>
        <rFont val="Arial"/>
        <family val="2"/>
      </rPr>
      <t>Polyvinyl chloride (PVC)</t>
    </r>
    <rPh sb="2" eb="4">
      <t>エンカ</t>
    </rPh>
    <phoneticPr fontId="9"/>
  </si>
  <si>
    <r>
      <rPr>
        <b/>
        <sz val="11"/>
        <color theme="0"/>
        <rFont val="ＭＳ Ｐゴシック"/>
        <family val="3"/>
        <charset val="128"/>
      </rPr>
      <t xml:space="preserve">使用禁止／
</t>
    </r>
    <r>
      <rPr>
        <b/>
        <sz val="11"/>
        <color theme="0"/>
        <rFont val="Arial"/>
        <family val="2"/>
      </rPr>
      <t>Banned</t>
    </r>
    <phoneticPr fontId="9"/>
  </si>
  <si>
    <r>
      <rPr>
        <sz val="11"/>
        <rFont val="ＭＳ Ｐゴシック"/>
        <family val="3"/>
        <charset val="128"/>
      </rPr>
      <t xml:space="preserve">使用可／
</t>
    </r>
    <r>
      <rPr>
        <sz val="11"/>
        <rFont val="Arial"/>
        <family val="2"/>
      </rPr>
      <t>Usable</t>
    </r>
    <phoneticPr fontId="9"/>
  </si>
  <si>
    <r>
      <rPr>
        <sz val="11"/>
        <rFont val="ＭＳ Ｐゴシック"/>
        <family val="3"/>
        <charset val="128"/>
      </rPr>
      <t>（記入必須）代替困難理由・使用箇所</t>
    </r>
    <r>
      <rPr>
        <sz val="9"/>
        <rFont val="ＭＳ Ｐゴシック"/>
        <family val="3"/>
        <charset val="128"/>
      </rPr>
      <t>／</t>
    </r>
    <r>
      <rPr>
        <sz val="9"/>
        <rFont val="Arial"/>
        <family val="2"/>
      </rPr>
      <t>(Required fields) Reason for "difficult to substitute" and Point of use</t>
    </r>
    <rPh sb="1" eb="3">
      <t>キニュウ</t>
    </rPh>
    <rPh sb="3" eb="5">
      <t>ヒッスウ</t>
    </rPh>
    <phoneticPr fontId="9"/>
  </si>
  <si>
    <r>
      <rPr>
        <sz val="11"/>
        <rFont val="ＭＳ Ｐゴシック"/>
        <family val="3"/>
        <charset val="128"/>
      </rPr>
      <t xml:space="preserve">使用可／
</t>
    </r>
    <r>
      <rPr>
        <sz val="11"/>
        <rFont val="Arial"/>
        <family val="2"/>
      </rPr>
      <t>Usable</t>
    </r>
    <phoneticPr fontId="9"/>
  </si>
  <si>
    <t>(                                                                                                                                                                                                        )</t>
    <phoneticPr fontId="9"/>
  </si>
  <si>
    <r>
      <rPr>
        <sz val="11"/>
        <color rgb="FFFF0000"/>
        <rFont val="ＭＳ Ｐゴシック"/>
        <family val="3"/>
        <charset val="128"/>
      </rPr>
      <t>　</t>
    </r>
  </si>
  <si>
    <t>- 1/1 -</t>
    <phoneticPr fontId="9"/>
  </si>
  <si>
    <r>
      <rPr>
        <sz val="10"/>
        <rFont val="ＭＳ Ｐゴシック"/>
        <family val="3"/>
        <charset val="128"/>
      </rPr>
      <t>ノニルフェノール化合物及びそのエトキシレート</t>
    </r>
    <rPh sb="8" eb="11">
      <t>カゴウブツ</t>
    </rPh>
    <rPh sb="11" eb="12">
      <t>オヨ</t>
    </rPh>
    <phoneticPr fontId="9"/>
  </si>
  <si>
    <r>
      <rPr>
        <sz val="10"/>
        <rFont val="ＭＳ Ｐゴシック"/>
        <family val="3"/>
        <charset val="128"/>
      </rPr>
      <t>アントラセン類</t>
    </r>
    <rPh sb="6" eb="7">
      <t>ルイ</t>
    </rPh>
    <phoneticPr fontId="9"/>
  </si>
  <si>
    <r>
      <rPr>
        <sz val="10"/>
        <rFont val="ＭＳ Ｐゴシック"/>
        <family val="3"/>
        <charset val="128"/>
      </rPr>
      <t>別表</t>
    </r>
    <r>
      <rPr>
        <sz val="10"/>
        <rFont val="Arial"/>
        <family val="2"/>
      </rPr>
      <t>A</t>
    </r>
    <r>
      <rPr>
        <sz val="10"/>
        <rFont val="ＭＳ Ｐゴシック"/>
        <family val="3"/>
        <charset val="128"/>
      </rPr>
      <t>に記載の</t>
    </r>
    <r>
      <rPr>
        <sz val="10"/>
        <rFont val="Arial"/>
        <family val="2"/>
      </rPr>
      <t>REACH</t>
    </r>
    <r>
      <rPr>
        <sz val="10"/>
        <rFont val="ＭＳ Ｐゴシック"/>
        <family val="3"/>
        <charset val="128"/>
      </rPr>
      <t>規則</t>
    </r>
    <r>
      <rPr>
        <sz val="10"/>
        <rFont val="Arial"/>
        <family val="2"/>
      </rPr>
      <t xml:space="preserve"> </t>
    </r>
    <r>
      <rPr>
        <sz val="10"/>
        <rFont val="ＭＳ Ｐゴシック"/>
        <family val="3"/>
        <charset val="128"/>
      </rPr>
      <t>制限物質</t>
    </r>
    <rPh sb="0" eb="1">
      <t>ベツ</t>
    </rPh>
    <rPh sb="1" eb="2">
      <t>ヒョウ</t>
    </rPh>
    <rPh sb="4" eb="6">
      <t>キサイ</t>
    </rPh>
    <rPh sb="15" eb="17">
      <t>セイゲン</t>
    </rPh>
    <rPh sb="17" eb="19">
      <t>ブッシツ</t>
    </rPh>
    <phoneticPr fontId="9"/>
  </si>
  <si>
    <r>
      <rPr>
        <sz val="11"/>
        <rFont val="ＭＳ Ｐゴシック"/>
        <family val="3"/>
        <charset val="128"/>
      </rPr>
      <t>ポリ塩化ビニル</t>
    </r>
    <r>
      <rPr>
        <sz val="11"/>
        <rFont val="Arial"/>
        <family val="2"/>
      </rPr>
      <t>(PVC)</t>
    </r>
    <rPh sb="2" eb="4">
      <t>エンカ</t>
    </rPh>
    <phoneticPr fontId="9"/>
  </si>
  <si>
    <r>
      <rPr>
        <sz val="10"/>
        <rFont val="ＭＳ Ｐゴシック"/>
        <family val="3"/>
        <charset val="128"/>
      </rPr>
      <t>天然ゴム</t>
    </r>
    <rPh sb="0" eb="2">
      <t>テンネン</t>
    </rPh>
    <phoneticPr fontId="81"/>
  </si>
  <si>
    <r>
      <rPr>
        <sz val="11"/>
        <rFont val="ＭＳ Ｐゴシック"/>
        <family val="3"/>
        <charset val="128"/>
      </rPr>
      <t>ハロゲン物質（塩素、臭素）</t>
    </r>
    <rPh sb="4" eb="6">
      <t>ブッシツ</t>
    </rPh>
    <rPh sb="7" eb="9">
      <t>エンソ</t>
    </rPh>
    <rPh sb="10" eb="12">
      <t>シュウソ</t>
    </rPh>
    <phoneticPr fontId="9"/>
  </si>
  <si>
    <r>
      <rPr>
        <sz val="10"/>
        <rFont val="ＭＳ Ｐゴシック"/>
        <family val="3"/>
        <charset val="128"/>
      </rPr>
      <t>アンチモン及びその化合物（三酸化ニアンチモンは除く）</t>
    </r>
    <rPh sb="5" eb="6">
      <t>オヨ</t>
    </rPh>
    <rPh sb="9" eb="12">
      <t>カゴウブツ</t>
    </rPh>
    <rPh sb="13" eb="14">
      <t>サン</t>
    </rPh>
    <rPh sb="14" eb="16">
      <t>サンカ</t>
    </rPh>
    <rPh sb="23" eb="24">
      <t>ノゾ</t>
    </rPh>
    <phoneticPr fontId="9"/>
  </si>
  <si>
    <r>
      <rPr>
        <sz val="10"/>
        <rFont val="ＭＳ Ｐゴシック"/>
        <family val="3"/>
        <charset val="128"/>
      </rPr>
      <t>全面的禁止物質</t>
    </r>
    <rPh sb="0" eb="3">
      <t>ゼンメンテキ</t>
    </rPh>
    <rPh sb="3" eb="5">
      <t>キンシ</t>
    </rPh>
    <rPh sb="5" eb="7">
      <t>ブッシツ</t>
    </rPh>
    <phoneticPr fontId="9"/>
  </si>
  <si>
    <r>
      <rPr>
        <sz val="10"/>
        <rFont val="ＭＳ Ｐゴシック"/>
        <family val="3"/>
        <charset val="128"/>
      </rPr>
      <t>化審法対象物質（特定第</t>
    </r>
    <r>
      <rPr>
        <sz val="10"/>
        <rFont val="Arial"/>
        <family val="2"/>
      </rPr>
      <t>1</t>
    </r>
    <r>
      <rPr>
        <sz val="10"/>
        <rFont val="ＭＳ Ｐゴシック"/>
        <family val="3"/>
        <charset val="128"/>
      </rPr>
      <t>種、第</t>
    </r>
    <r>
      <rPr>
        <sz val="10"/>
        <rFont val="Arial"/>
        <family val="2"/>
      </rPr>
      <t>2</t>
    </r>
    <r>
      <rPr>
        <sz val="10"/>
        <rFont val="ＭＳ Ｐゴシック"/>
        <family val="3"/>
        <charset val="128"/>
      </rPr>
      <t>種、監視物質）</t>
    </r>
    <rPh sb="0" eb="3">
      <t>カシンホウ</t>
    </rPh>
    <rPh sb="3" eb="5">
      <t>タイショウ</t>
    </rPh>
    <rPh sb="5" eb="7">
      <t>ブッシツ</t>
    </rPh>
    <rPh sb="8" eb="10">
      <t>トクテイ</t>
    </rPh>
    <rPh sb="10" eb="11">
      <t>ダイ</t>
    </rPh>
    <rPh sb="12" eb="13">
      <t>シュ</t>
    </rPh>
    <rPh sb="14" eb="15">
      <t>ダイ</t>
    </rPh>
    <rPh sb="16" eb="17">
      <t>シュ</t>
    </rPh>
    <rPh sb="18" eb="20">
      <t>カンシ</t>
    </rPh>
    <rPh sb="20" eb="22">
      <t>ブッシツ</t>
    </rPh>
    <phoneticPr fontId="9"/>
  </si>
  <si>
    <r>
      <t>TSCA</t>
    </r>
    <r>
      <rPr>
        <sz val="10"/>
        <color theme="1"/>
        <rFont val="ＭＳ Ｐゴシック"/>
        <family val="3"/>
        <charset val="128"/>
      </rPr>
      <t>対象物質</t>
    </r>
    <rPh sb="4" eb="6">
      <t>タイショウ</t>
    </rPh>
    <rPh sb="6" eb="8">
      <t>ブッシツ</t>
    </rPh>
    <phoneticPr fontId="9"/>
  </si>
  <si>
    <r>
      <t>POP</t>
    </r>
    <r>
      <rPr>
        <sz val="10"/>
        <color theme="1"/>
        <rFont val="ＭＳ Ｐゴシック"/>
        <family val="3"/>
        <charset val="128"/>
      </rPr>
      <t>ｓ対象物質</t>
    </r>
    <rPh sb="4" eb="6">
      <t>タイショウ</t>
    </rPh>
    <rPh sb="6" eb="8">
      <t>ブッシツ</t>
    </rPh>
    <phoneticPr fontId="9"/>
  </si>
  <si>
    <r>
      <rPr>
        <sz val="10"/>
        <rFont val="ＭＳ Ｐゴシック"/>
        <family val="3"/>
        <charset val="128"/>
      </rPr>
      <t>ムスクキシレン</t>
    </r>
  </si>
  <si>
    <r>
      <t>EU REACH</t>
    </r>
    <r>
      <rPr>
        <sz val="10"/>
        <rFont val="ＭＳ Ｐゴシック"/>
        <family val="3"/>
        <charset val="128"/>
      </rPr>
      <t>規則</t>
    </r>
    <r>
      <rPr>
        <sz val="10"/>
        <rFont val="Arial"/>
        <family val="2"/>
      </rPr>
      <t xml:space="preserve"> </t>
    </r>
    <r>
      <rPr>
        <sz val="10"/>
        <rFont val="ＭＳ Ｐゴシック"/>
        <family val="3"/>
        <charset val="128"/>
      </rPr>
      <t>附属書</t>
    </r>
    <r>
      <rPr>
        <sz val="10"/>
        <rFont val="Arial"/>
        <family val="2"/>
      </rPr>
      <t>X</t>
    </r>
    <r>
      <rPr>
        <sz val="10"/>
        <rFont val="ＭＳ Ｐゴシック"/>
        <family val="3"/>
        <charset val="128"/>
      </rPr>
      <t>Ⅳ</t>
    </r>
    <rPh sb="8" eb="10">
      <t>キソク</t>
    </rPh>
    <rPh sb="11" eb="14">
      <t>フゾクショ</t>
    </rPh>
    <phoneticPr fontId="9"/>
  </si>
  <si>
    <r>
      <rPr>
        <sz val="10"/>
        <rFont val="ＭＳ Ｐゴシック"/>
        <family val="3"/>
        <charset val="128"/>
      </rPr>
      <t>（</t>
    </r>
    <r>
      <rPr>
        <sz val="10"/>
        <rFont val="Arial"/>
        <family val="2"/>
      </rPr>
      <t>EU REACH</t>
    </r>
    <r>
      <rPr>
        <sz val="10"/>
        <rFont val="ＭＳ Ｐゴシック"/>
        <family val="3"/>
        <charset val="128"/>
      </rPr>
      <t>規則）／</t>
    </r>
    <r>
      <rPr>
        <sz val="10"/>
        <rFont val="Arial"/>
        <family val="2"/>
      </rPr>
      <t>EU REACH</t>
    </r>
    <r>
      <rPr>
        <sz val="10"/>
        <rFont val="ＭＳ Ｐゴシック"/>
        <family val="3"/>
        <charset val="128"/>
      </rPr>
      <t>規則</t>
    </r>
    <r>
      <rPr>
        <sz val="10"/>
        <rFont val="Arial"/>
        <family val="2"/>
      </rPr>
      <t xml:space="preserve"> </t>
    </r>
    <r>
      <rPr>
        <sz val="10"/>
        <rFont val="ＭＳ Ｐゴシック"/>
        <family val="3"/>
        <charset val="128"/>
      </rPr>
      <t>附属書</t>
    </r>
    <r>
      <rPr>
        <sz val="10"/>
        <rFont val="Arial"/>
        <family val="2"/>
      </rPr>
      <t>X</t>
    </r>
    <r>
      <rPr>
        <sz val="10"/>
        <rFont val="ＭＳ Ｐゴシック"/>
        <family val="3"/>
        <charset val="128"/>
      </rPr>
      <t>Ⅳ</t>
    </r>
    <rPh sb="9" eb="11">
      <t>キソク</t>
    </rPh>
    <phoneticPr fontId="9"/>
  </si>
  <si>
    <r>
      <rPr>
        <sz val="10"/>
        <rFont val="ＭＳ Ｐゴシック"/>
        <family val="3"/>
        <charset val="128"/>
      </rPr>
      <t>条件付禁止物質</t>
    </r>
    <rPh sb="0" eb="3">
      <t>ジョウケンツキ</t>
    </rPh>
    <rPh sb="3" eb="5">
      <t>キンシ</t>
    </rPh>
    <rPh sb="5" eb="7">
      <t>ブッシツ</t>
    </rPh>
    <phoneticPr fontId="9"/>
  </si>
  <si>
    <r>
      <rPr>
        <sz val="10"/>
        <rFont val="ＭＳ Ｐゴシック"/>
        <family val="3"/>
        <charset val="128"/>
      </rPr>
      <t>管理物質</t>
    </r>
    <rPh sb="0" eb="2">
      <t>カンリ</t>
    </rPh>
    <rPh sb="2" eb="4">
      <t>ブッシツ</t>
    </rPh>
    <phoneticPr fontId="9"/>
  </si>
  <si>
    <t>EU REACH規則</t>
  </si>
  <si>
    <r>
      <rPr>
        <sz val="10"/>
        <rFont val="ＭＳ Ｐゴシック"/>
        <family val="3"/>
        <charset val="128"/>
      </rPr>
      <t>調査対象物質一覧</t>
    </r>
  </si>
  <si>
    <t>No.</t>
    <phoneticPr fontId="9"/>
  </si>
  <si>
    <r>
      <rPr>
        <sz val="10"/>
        <rFont val="ＭＳ Ｐゴシック"/>
        <family val="3"/>
        <charset val="128"/>
      </rPr>
      <t>物質名</t>
    </r>
    <rPh sb="0" eb="2">
      <t>ブッシツ</t>
    </rPh>
    <rPh sb="2" eb="3">
      <t>メイ</t>
    </rPh>
    <phoneticPr fontId="9"/>
  </si>
  <si>
    <r>
      <rPr>
        <sz val="10"/>
        <rFont val="ＭＳ Ｐゴシック"/>
        <family val="3"/>
        <charset val="128"/>
      </rPr>
      <t>変更点</t>
    </r>
    <phoneticPr fontId="9"/>
  </si>
  <si>
    <r>
      <t xml:space="preserve">A1. RoHS </t>
    </r>
    <r>
      <rPr>
        <sz val="10"/>
        <color theme="1"/>
        <rFont val="ＭＳ Ｐゴシック"/>
        <family val="3"/>
        <charset val="128"/>
      </rPr>
      <t>全面禁止</t>
    </r>
    <phoneticPr fontId="9"/>
  </si>
  <si>
    <r>
      <rPr>
        <sz val="10"/>
        <rFont val="ＭＳ Ｐゴシック"/>
        <family val="3"/>
        <charset val="128"/>
      </rPr>
      <t>←</t>
    </r>
  </si>
  <si>
    <r>
      <t xml:space="preserve">A2. RoHS </t>
    </r>
    <r>
      <rPr>
        <sz val="10"/>
        <color theme="1"/>
        <rFont val="ＭＳ Ｐゴシック"/>
        <family val="3"/>
        <charset val="128"/>
      </rPr>
      <t>条件付禁止</t>
    </r>
  </si>
  <si>
    <r>
      <rPr>
        <sz val="10"/>
        <rFont val="ＭＳ Ｐゴシック"/>
        <family val="3"/>
        <charset val="128"/>
      </rPr>
      <t>鉛及びその化合物</t>
    </r>
    <phoneticPr fontId="9"/>
  </si>
  <si>
    <r>
      <rPr>
        <sz val="10"/>
        <color theme="1"/>
        <rFont val="ＭＳ Ｐゴシック"/>
        <family val="3"/>
        <charset val="128"/>
      </rPr>
      <t>水銀及びその化合物</t>
    </r>
  </si>
  <si>
    <r>
      <rPr>
        <sz val="10"/>
        <rFont val="ＭＳ Ｐゴシック"/>
        <family val="3"/>
        <charset val="128"/>
      </rPr>
      <t>フタル酸ジ（</t>
    </r>
    <r>
      <rPr>
        <sz val="10"/>
        <rFont val="Arial"/>
        <family val="2"/>
      </rPr>
      <t>2-</t>
    </r>
    <r>
      <rPr>
        <sz val="10"/>
        <rFont val="ＭＳ Ｐゴシック"/>
        <family val="3"/>
        <charset val="128"/>
      </rPr>
      <t>エチルヘキシル）（</t>
    </r>
    <r>
      <rPr>
        <sz val="10"/>
        <rFont val="Arial"/>
        <family val="2"/>
      </rPr>
      <t>DEHP</t>
    </r>
    <r>
      <rPr>
        <sz val="10"/>
        <rFont val="ＭＳ Ｐゴシック"/>
        <family val="3"/>
        <charset val="128"/>
      </rPr>
      <t>）、フタル酸ジブチル（</t>
    </r>
    <r>
      <rPr>
        <sz val="10"/>
        <rFont val="Arial"/>
        <family val="2"/>
      </rPr>
      <t>DBP</t>
    </r>
    <r>
      <rPr>
        <sz val="10"/>
        <rFont val="ＭＳ Ｐゴシック"/>
        <family val="3"/>
        <charset val="128"/>
      </rPr>
      <t>）、フタル酸ブチルベンジル（</t>
    </r>
    <r>
      <rPr>
        <sz val="10"/>
        <rFont val="Arial"/>
        <family val="2"/>
      </rPr>
      <t>BBP</t>
    </r>
    <r>
      <rPr>
        <sz val="10"/>
        <rFont val="ＭＳ Ｐゴシック"/>
        <family val="3"/>
        <charset val="128"/>
      </rPr>
      <t>）、フタル酸ジイソブチル（</t>
    </r>
    <r>
      <rPr>
        <sz val="10"/>
        <rFont val="Arial"/>
        <family val="2"/>
      </rPr>
      <t>DIBP</t>
    </r>
    <r>
      <rPr>
        <sz val="10"/>
        <rFont val="ＭＳ Ｐゴシック"/>
        <family val="3"/>
        <charset val="128"/>
      </rPr>
      <t>）</t>
    </r>
  </si>
  <si>
    <r>
      <t xml:space="preserve">B1. </t>
    </r>
    <r>
      <rPr>
        <sz val="10"/>
        <color theme="1"/>
        <rFont val="ＭＳ Ｐゴシック"/>
        <family val="3"/>
        <charset val="128"/>
      </rPr>
      <t>その他</t>
    </r>
    <r>
      <rPr>
        <sz val="10"/>
        <color theme="1"/>
        <rFont val="Arial"/>
        <family val="2"/>
      </rPr>
      <t xml:space="preserve"> </t>
    </r>
    <r>
      <rPr>
        <sz val="10"/>
        <color theme="1"/>
        <rFont val="ＭＳ Ｐゴシック"/>
        <family val="3"/>
        <charset val="128"/>
      </rPr>
      <t>全面禁止</t>
    </r>
  </si>
  <si>
    <r>
      <rPr>
        <sz val="10"/>
        <color theme="1"/>
        <rFont val="ＭＳ Ｐゴシック"/>
        <family val="3"/>
        <charset val="128"/>
      </rPr>
      <t>トリブチルスズ</t>
    </r>
    <r>
      <rPr>
        <sz val="10"/>
        <color theme="1"/>
        <rFont val="Arial"/>
        <family val="2"/>
      </rPr>
      <t>=</t>
    </r>
    <r>
      <rPr>
        <sz val="10"/>
        <color theme="1"/>
        <rFont val="ＭＳ Ｐゴシック"/>
        <family val="3"/>
        <charset val="128"/>
      </rPr>
      <t>オキシド（</t>
    </r>
    <r>
      <rPr>
        <sz val="10"/>
        <color theme="1"/>
        <rFont val="Arial"/>
        <family val="2"/>
      </rPr>
      <t>TBTO</t>
    </r>
    <r>
      <rPr>
        <sz val="10"/>
        <color theme="1"/>
        <rFont val="ＭＳ Ｐゴシック"/>
        <family val="3"/>
        <charset val="128"/>
      </rPr>
      <t>）</t>
    </r>
  </si>
  <si>
    <r>
      <rPr>
        <sz val="10"/>
        <color theme="1"/>
        <rFont val="ＭＳ Ｐゴシック"/>
        <family val="3"/>
        <charset val="128"/>
      </rPr>
      <t>←</t>
    </r>
  </si>
  <si>
    <r>
      <rPr>
        <sz val="10"/>
        <color theme="1"/>
        <rFont val="ＭＳ Ｐゴシック"/>
        <family val="3"/>
        <charset val="128"/>
      </rPr>
      <t>三置換有機スズ化合物</t>
    </r>
  </si>
  <si>
    <r>
      <rPr>
        <sz val="10"/>
        <color theme="1"/>
        <rFont val="ＭＳ Ｐゴシック"/>
        <family val="3"/>
        <charset val="128"/>
      </rPr>
      <t>ポリ塩化ビフェニル類（</t>
    </r>
    <r>
      <rPr>
        <sz val="10"/>
        <color theme="1"/>
        <rFont val="Arial"/>
        <family val="2"/>
      </rPr>
      <t>PCB</t>
    </r>
    <r>
      <rPr>
        <sz val="10"/>
        <color theme="1"/>
        <rFont val="ＭＳ Ｐゴシック"/>
        <family val="3"/>
        <charset val="128"/>
      </rPr>
      <t>類）、_x000D_
及び特定代替物質</t>
    </r>
  </si>
  <si>
    <r>
      <rPr>
        <sz val="10"/>
        <color theme="1"/>
        <rFont val="ＭＳ Ｐゴシック"/>
        <family val="3"/>
        <charset val="128"/>
      </rPr>
      <t>ポリ塩化ナフタレン</t>
    </r>
  </si>
  <si>
    <r>
      <rPr>
        <sz val="10"/>
        <color theme="1"/>
        <rFont val="ＭＳ Ｐゴシック"/>
        <family val="3"/>
        <charset val="128"/>
      </rPr>
      <t>短鎖型塩化パラフィン</t>
    </r>
  </si>
  <si>
    <r>
      <rPr>
        <sz val="10"/>
        <color theme="1"/>
        <rFont val="ＭＳ Ｐゴシック"/>
        <family val="3"/>
        <charset val="128"/>
      </rPr>
      <t>アスベスト類</t>
    </r>
  </si>
  <si>
    <r>
      <rPr>
        <sz val="10"/>
        <color theme="1"/>
        <rFont val="ＭＳ Ｐゴシック"/>
        <family val="3"/>
        <charset val="128"/>
      </rPr>
      <t>ポリ塩化ターフェニル類</t>
    </r>
    <r>
      <rPr>
        <sz val="10"/>
        <color theme="1"/>
        <rFont val="Arial"/>
        <family val="2"/>
      </rPr>
      <t xml:space="preserve"> </t>
    </r>
    <r>
      <rPr>
        <sz val="10"/>
        <color theme="1"/>
        <rFont val="ＭＳ Ｐゴシック"/>
        <family val="3"/>
        <charset val="128"/>
      </rPr>
      <t>（</t>
    </r>
    <r>
      <rPr>
        <sz val="10"/>
        <color theme="1"/>
        <rFont val="Arial"/>
        <family val="2"/>
      </rPr>
      <t>PCT</t>
    </r>
    <r>
      <rPr>
        <sz val="10"/>
        <color theme="1"/>
        <rFont val="ＭＳ Ｐゴシック"/>
        <family val="3"/>
        <charset val="128"/>
      </rPr>
      <t>類）</t>
    </r>
  </si>
  <si>
    <r>
      <t>2-</t>
    </r>
    <r>
      <rPr>
        <sz val="10"/>
        <color theme="1"/>
        <rFont val="ＭＳ Ｐゴシック"/>
        <family val="3"/>
        <charset val="128"/>
      </rPr>
      <t>（</t>
    </r>
    <r>
      <rPr>
        <sz val="10"/>
        <color theme="1"/>
        <rFont val="Arial"/>
        <family val="2"/>
      </rPr>
      <t>2H-1,2,3-</t>
    </r>
    <r>
      <rPr>
        <sz val="10"/>
        <color theme="1"/>
        <rFont val="ＭＳ Ｐゴシック"/>
        <family val="3"/>
        <charset val="128"/>
      </rPr>
      <t>ベンゾ</t>
    </r>
    <r>
      <rPr>
        <sz val="10"/>
        <color theme="1"/>
        <rFont val="Arial"/>
        <family val="2"/>
      </rPr>
      <t xml:space="preserve"> </t>
    </r>
    <r>
      <rPr>
        <sz val="10"/>
        <color theme="1"/>
        <rFont val="ＭＳ Ｐゴシック"/>
        <family val="3"/>
        <charset val="128"/>
      </rPr>
      <t>トリアゾール</t>
    </r>
    <r>
      <rPr>
        <sz val="10"/>
        <color theme="1"/>
        <rFont val="Arial"/>
        <family val="2"/>
      </rPr>
      <t>-2-</t>
    </r>
    <r>
      <rPr>
        <sz val="10"/>
        <color theme="1"/>
        <rFont val="ＭＳ Ｐゴシック"/>
        <family val="3"/>
        <charset val="128"/>
      </rPr>
      <t>イル）</t>
    </r>
    <r>
      <rPr>
        <sz val="10"/>
        <color theme="1"/>
        <rFont val="Arial"/>
        <family val="2"/>
      </rPr>
      <t>-4,6-</t>
    </r>
    <r>
      <rPr>
        <sz val="10"/>
        <color theme="1"/>
        <rFont val="ＭＳ Ｐゴシック"/>
        <family val="3"/>
        <charset val="128"/>
      </rPr>
      <t>ジ</t>
    </r>
    <r>
      <rPr>
        <sz val="10"/>
        <color theme="1"/>
        <rFont val="Arial"/>
        <family val="2"/>
      </rPr>
      <t>-tert-</t>
    </r>
    <r>
      <rPr>
        <sz val="10"/>
        <color theme="1"/>
        <rFont val="ＭＳ Ｐゴシック"/>
        <family val="3"/>
        <charset val="128"/>
      </rPr>
      <t>ブチルフェノール</t>
    </r>
  </si>
  <si>
    <r>
      <t>RoHS</t>
    </r>
    <r>
      <rPr>
        <sz val="10"/>
        <rFont val="ＭＳ Ｐゴシック"/>
        <family val="3"/>
        <charset val="128"/>
      </rPr>
      <t>関連のフタル酸エステル</t>
    </r>
    <r>
      <rPr>
        <sz val="10"/>
        <rFont val="Arial"/>
        <family val="2"/>
      </rPr>
      <t>4</t>
    </r>
    <r>
      <rPr>
        <sz val="10"/>
        <rFont val="ＭＳ Ｐゴシック"/>
        <family val="3"/>
        <charset val="128"/>
      </rPr>
      <t>物質以外のフタル酸エステル類</t>
    </r>
    <phoneticPr fontId="9"/>
  </si>
  <si>
    <r>
      <rPr>
        <sz val="10"/>
        <rFont val="ＭＳ Ｐゴシック"/>
        <family val="3"/>
        <charset val="128"/>
      </rPr>
      <t>ニッケル</t>
    </r>
  </si>
  <si>
    <r>
      <rPr>
        <sz val="10"/>
        <rFont val="ＭＳ Ｐゴシック"/>
        <family val="3"/>
        <charset val="128"/>
      </rPr>
      <t>ホウ酸</t>
    </r>
    <phoneticPr fontId="9"/>
  </si>
  <si>
    <r>
      <rPr>
        <sz val="10"/>
        <rFont val="ＭＳ Ｐゴシック"/>
        <family val="3"/>
        <charset val="128"/>
      </rPr>
      <t>四ホウ酸二ナトリウム無水物、四ホウ酸二ナトリウム水和物</t>
    </r>
  </si>
  <si>
    <r>
      <rPr>
        <sz val="10"/>
        <rFont val="ＭＳ Ｐゴシック"/>
        <family val="3"/>
        <charset val="128"/>
      </rPr>
      <t>パーフルオロオクタン酸（</t>
    </r>
    <r>
      <rPr>
        <sz val="10"/>
        <rFont val="Arial"/>
        <family val="2"/>
      </rPr>
      <t>PFOA</t>
    </r>
    <r>
      <rPr>
        <sz val="10"/>
        <rFont val="ＭＳ Ｐゴシック"/>
        <family val="3"/>
        <charset val="128"/>
      </rPr>
      <t>）とその塩およびそのエステル</t>
    </r>
  </si>
  <si>
    <r>
      <rPr>
        <sz val="10"/>
        <rFont val="ＭＳ Ｐゴシック"/>
        <family val="3"/>
        <charset val="128"/>
      </rPr>
      <t>リン酸トリス（</t>
    </r>
    <r>
      <rPr>
        <sz val="10"/>
        <rFont val="Arial"/>
        <family val="2"/>
      </rPr>
      <t>2-</t>
    </r>
    <r>
      <rPr>
        <sz val="10"/>
        <rFont val="ＭＳ Ｐゴシック"/>
        <family val="3"/>
        <charset val="128"/>
      </rPr>
      <t>クロロエチル）</t>
    </r>
    <r>
      <rPr>
        <sz val="10"/>
        <rFont val="Arial"/>
        <family val="2"/>
      </rPr>
      <t>(TCEP)</t>
    </r>
    <phoneticPr fontId="9"/>
  </si>
  <si>
    <r>
      <rPr>
        <sz val="10"/>
        <rFont val="ＭＳ Ｐゴシック"/>
        <family val="3"/>
        <charset val="128"/>
      </rPr>
      <t>リン酸トリス（</t>
    </r>
    <r>
      <rPr>
        <sz val="10"/>
        <rFont val="Arial"/>
        <family val="2"/>
      </rPr>
      <t>1-</t>
    </r>
    <r>
      <rPr>
        <sz val="10"/>
        <rFont val="ＭＳ Ｐゴシック"/>
        <family val="3"/>
        <charset val="128"/>
      </rPr>
      <t>メチル</t>
    </r>
    <r>
      <rPr>
        <sz val="10"/>
        <rFont val="Arial"/>
        <family val="2"/>
      </rPr>
      <t>-2-</t>
    </r>
    <r>
      <rPr>
        <sz val="10"/>
        <rFont val="ＭＳ Ｐゴシック"/>
        <family val="3"/>
        <charset val="128"/>
      </rPr>
      <t>クロロエチル）</t>
    </r>
    <r>
      <rPr>
        <sz val="10"/>
        <rFont val="Arial"/>
        <family val="2"/>
      </rPr>
      <t>(TCPP)</t>
    </r>
    <phoneticPr fontId="9"/>
  </si>
  <si>
    <r>
      <rPr>
        <sz val="10"/>
        <rFont val="ＭＳ Ｐゴシック"/>
        <family val="3"/>
        <charset val="128"/>
      </rPr>
      <t>リン酸トリス（</t>
    </r>
    <r>
      <rPr>
        <sz val="10"/>
        <rFont val="Arial"/>
        <family val="2"/>
      </rPr>
      <t>1,3-</t>
    </r>
    <r>
      <rPr>
        <sz val="10"/>
        <rFont val="ＭＳ Ｐゴシック"/>
        <family val="3"/>
        <charset val="128"/>
      </rPr>
      <t>ジクロロ</t>
    </r>
    <r>
      <rPr>
        <sz val="10"/>
        <rFont val="Arial"/>
        <family val="2"/>
      </rPr>
      <t>-2-</t>
    </r>
    <r>
      <rPr>
        <sz val="10"/>
        <rFont val="ＭＳ Ｐゴシック"/>
        <family val="3"/>
        <charset val="128"/>
      </rPr>
      <t>プロピル）</t>
    </r>
    <r>
      <rPr>
        <sz val="10"/>
        <rFont val="Arial"/>
        <family val="2"/>
      </rPr>
      <t>(TDCPP)</t>
    </r>
    <phoneticPr fontId="9"/>
  </si>
  <si>
    <r>
      <rPr>
        <sz val="10"/>
        <rFont val="ＭＳ Ｐゴシック"/>
        <family val="3"/>
        <charset val="128"/>
      </rPr>
      <t>←</t>
    </r>
    <phoneticPr fontId="9"/>
  </si>
  <si>
    <r>
      <rPr>
        <sz val="10"/>
        <rFont val="ＭＳ Ｐゴシック"/>
        <family val="3"/>
        <charset val="128"/>
      </rPr>
      <t>多環芳香族炭化水素（</t>
    </r>
    <r>
      <rPr>
        <sz val="10"/>
        <rFont val="Arial"/>
        <family val="2"/>
      </rPr>
      <t>PAH</t>
    </r>
    <r>
      <rPr>
        <sz val="10"/>
        <rFont val="ＭＳ Ｐゴシック"/>
        <family val="3"/>
        <charset val="128"/>
      </rPr>
      <t>）</t>
    </r>
    <phoneticPr fontId="9"/>
  </si>
  <si>
    <r>
      <rPr>
        <sz val="10"/>
        <rFont val="ＭＳ Ｐゴシック"/>
        <family val="3"/>
        <charset val="128"/>
      </rPr>
      <t>赤リン</t>
    </r>
  </si>
  <si>
    <r>
      <t xml:space="preserve">B3. </t>
    </r>
    <r>
      <rPr>
        <sz val="10"/>
        <color theme="1"/>
        <rFont val="ＭＳ Ｐゴシック"/>
        <family val="3"/>
        <charset val="128"/>
      </rPr>
      <t>オゾン層破壊物質</t>
    </r>
  </si>
  <si>
    <r>
      <rPr>
        <sz val="10"/>
        <color theme="1"/>
        <rFont val="ＭＳ Ｐゴシック"/>
        <family val="3"/>
        <charset val="128"/>
      </rPr>
      <t>オゾン層破壊物質</t>
    </r>
    <r>
      <rPr>
        <sz val="10"/>
        <color theme="1"/>
        <rFont val="Arial"/>
        <family val="2"/>
      </rPr>
      <t xml:space="preserve"> </t>
    </r>
  </si>
  <si>
    <r>
      <rPr>
        <sz val="10"/>
        <color theme="1"/>
        <rFont val="ＭＳ Ｐゴシック"/>
        <family val="3"/>
        <charset val="128"/>
      </rPr>
      <t>調査対象物質（顧客から要求が多い下記物質）</t>
    </r>
    <rPh sb="0" eb="2">
      <t>チョウサ</t>
    </rPh>
    <rPh sb="2" eb="4">
      <t>タイショウ</t>
    </rPh>
    <rPh sb="4" eb="6">
      <t>ブッシツ</t>
    </rPh>
    <phoneticPr fontId="9"/>
  </si>
  <si>
    <r>
      <rPr>
        <sz val="10"/>
        <color theme="1"/>
        <rFont val="ＭＳ Ｐゴシック"/>
        <family val="3"/>
        <charset val="128"/>
      </rPr>
      <t>全ての調査対象物質を全社共通版と同様に全面的禁止物質、条件付禁止物資、管理物質の再編</t>
    </r>
    <rPh sb="0" eb="1">
      <t>スベ</t>
    </rPh>
    <rPh sb="3" eb="5">
      <t>チョウサ</t>
    </rPh>
    <rPh sb="5" eb="7">
      <t>タイショウ</t>
    </rPh>
    <rPh sb="7" eb="9">
      <t>ブッシツ</t>
    </rPh>
    <rPh sb="10" eb="12">
      <t>ゼンシャ</t>
    </rPh>
    <rPh sb="12" eb="14">
      <t>キョウツウ</t>
    </rPh>
    <rPh sb="14" eb="15">
      <t>バン</t>
    </rPh>
    <rPh sb="16" eb="18">
      <t>ドウヨウ</t>
    </rPh>
    <rPh sb="19" eb="21">
      <t>ゼンメン</t>
    </rPh>
    <rPh sb="21" eb="22">
      <t>テキ</t>
    </rPh>
    <rPh sb="22" eb="24">
      <t>キンシ</t>
    </rPh>
    <rPh sb="24" eb="26">
      <t>ブッシツ</t>
    </rPh>
    <rPh sb="27" eb="30">
      <t>ジョウケンツ</t>
    </rPh>
    <rPh sb="30" eb="32">
      <t>キンシ</t>
    </rPh>
    <rPh sb="32" eb="34">
      <t>ブッシ</t>
    </rPh>
    <rPh sb="35" eb="37">
      <t>カンリ</t>
    </rPh>
    <rPh sb="37" eb="39">
      <t>ブッシツ</t>
    </rPh>
    <rPh sb="40" eb="42">
      <t>サイヘン</t>
    </rPh>
    <phoneticPr fontId="9"/>
  </si>
  <si>
    <r>
      <rPr>
        <sz val="10"/>
        <color theme="1"/>
        <rFont val="ＭＳ Ｐゴシック"/>
        <family val="3"/>
        <charset val="128"/>
      </rPr>
      <t>全面的禁止物質</t>
    </r>
    <rPh sb="0" eb="3">
      <t>ゼンメンテキ</t>
    </rPh>
    <rPh sb="3" eb="5">
      <t>キンシ</t>
    </rPh>
    <rPh sb="5" eb="7">
      <t>ブッシツ</t>
    </rPh>
    <phoneticPr fontId="9"/>
  </si>
  <si>
    <r>
      <rPr>
        <sz val="10"/>
        <rFont val="ＭＳ Ｐゴシック"/>
        <family val="3"/>
        <charset val="128"/>
      </rPr>
      <t>化審法第１種特定物質</t>
    </r>
    <rPh sb="0" eb="3">
      <t>カシンホウ</t>
    </rPh>
    <rPh sb="3" eb="4">
      <t>ダイ</t>
    </rPh>
    <rPh sb="5" eb="6">
      <t>シュ</t>
    </rPh>
    <rPh sb="6" eb="8">
      <t>トクテイ</t>
    </rPh>
    <rPh sb="8" eb="10">
      <t>ブッシツ</t>
    </rPh>
    <phoneticPr fontId="9"/>
  </si>
  <si>
    <t>←</t>
  </si>
  <si>
    <r>
      <rPr>
        <sz val="10"/>
        <rFont val="ＭＳ Ｐゴシック"/>
        <family val="3"/>
        <charset val="128"/>
      </rPr>
      <t>化審法第２種、監視物質</t>
    </r>
    <rPh sb="0" eb="3">
      <t>カシンホウ</t>
    </rPh>
    <rPh sb="3" eb="4">
      <t>ダイ</t>
    </rPh>
    <rPh sb="5" eb="6">
      <t>シュ</t>
    </rPh>
    <rPh sb="7" eb="9">
      <t>カンシ</t>
    </rPh>
    <rPh sb="9" eb="11">
      <t>ブッシツ</t>
    </rPh>
    <phoneticPr fontId="9"/>
  </si>
  <si>
    <r>
      <t>TSCA</t>
    </r>
    <r>
      <rPr>
        <sz val="10"/>
        <rFont val="ＭＳ Ｐゴシック"/>
        <family val="3"/>
        <charset val="128"/>
      </rPr>
      <t>対象物質</t>
    </r>
    <rPh sb="4" eb="6">
      <t>タイショウ</t>
    </rPh>
    <rPh sb="6" eb="8">
      <t>ブッシツ</t>
    </rPh>
    <phoneticPr fontId="9"/>
  </si>
  <si>
    <r>
      <t>POP</t>
    </r>
    <r>
      <rPr>
        <sz val="10"/>
        <rFont val="ＭＳ Ｐゴシック"/>
        <family val="3"/>
        <charset val="128"/>
      </rPr>
      <t>ｓ対象物質</t>
    </r>
    <rPh sb="4" eb="6">
      <t>タイショウ</t>
    </rPh>
    <rPh sb="6" eb="8">
      <t>ブッシツ</t>
    </rPh>
    <phoneticPr fontId="9"/>
  </si>
  <si>
    <t>ムスクキシレン</t>
  </si>
  <si>
    <t>中鎖塩素化パラフィン（MCCP)[群]（炭素数14～19）</t>
  </si>
  <si>
    <t>1,3－ジクロロプロペン</t>
  </si>
  <si>
    <t>p-ジメチルアミノアゾベンゼン</t>
  </si>
  <si>
    <t>塩化水素</t>
  </si>
  <si>
    <t>N,N'-エチレンビス（ジチオカルバミン酸）マンガン（マンネブ）</t>
  </si>
  <si>
    <t>1-ナフチルアミン</t>
  </si>
  <si>
    <r>
      <rPr>
        <sz val="10"/>
        <color theme="1"/>
        <rFont val="ＭＳ Ｐゴシック"/>
        <family val="3"/>
        <charset val="128"/>
      </rPr>
      <t>条件付禁止物質</t>
    </r>
    <rPh sb="0" eb="3">
      <t>ジョウケンツキ</t>
    </rPh>
    <rPh sb="3" eb="5">
      <t>キンシ</t>
    </rPh>
    <rPh sb="5" eb="7">
      <t>ブッシツ</t>
    </rPh>
    <phoneticPr fontId="9"/>
  </si>
  <si>
    <t>←</t>
    <phoneticPr fontId="9"/>
  </si>
  <si>
    <t>テトラクロロ無水フタル酸</t>
  </si>
  <si>
    <r>
      <rPr>
        <sz val="10"/>
        <color theme="1"/>
        <rFont val="ＭＳ Ｐゴシック"/>
        <family val="3"/>
        <charset val="128"/>
      </rPr>
      <t>フタル酸エステル使用状況（工程管理）</t>
    </r>
    <rPh sb="3" eb="4">
      <t>サン</t>
    </rPh>
    <rPh sb="8" eb="10">
      <t>シヨウ</t>
    </rPh>
    <rPh sb="10" eb="12">
      <t>ジョウキョウ</t>
    </rPh>
    <rPh sb="13" eb="15">
      <t>コウテイ</t>
    </rPh>
    <rPh sb="15" eb="17">
      <t>カンリ</t>
    </rPh>
    <phoneticPr fontId="9"/>
  </si>
  <si>
    <r>
      <rPr>
        <sz val="10"/>
        <color theme="1"/>
        <rFont val="ＭＳ Ｐゴシック"/>
        <family val="3"/>
        <charset val="128"/>
      </rPr>
      <t>管理物質</t>
    </r>
    <rPh sb="0" eb="2">
      <t>カンリ</t>
    </rPh>
    <rPh sb="2" eb="4">
      <t>ブッシツ</t>
    </rPh>
    <phoneticPr fontId="9"/>
  </si>
  <si>
    <t>アルキルフェノール（炭素数5～9）(ノニルフェノールは除く）</t>
  </si>
  <si>
    <t>ベンゾフェノン</t>
  </si>
  <si>
    <t>2,4-ジクロロフェノール</t>
  </si>
  <si>
    <t>エチルベンゼン</t>
  </si>
  <si>
    <t>イソシアネート</t>
  </si>
  <si>
    <t>オクタクロロスチレン</t>
  </si>
  <si>
    <t>リン系難燃剤
（赤リンは除く）</t>
  </si>
  <si>
    <r>
      <rPr>
        <b/>
        <u/>
        <sz val="12"/>
        <rFont val="ＭＳ Ｐゴシック"/>
        <family val="3"/>
        <charset val="128"/>
      </rPr>
      <t>含有化学物質報告書</t>
    </r>
    <r>
      <rPr>
        <b/>
        <u/>
        <sz val="12"/>
        <rFont val="Arial"/>
        <family val="2"/>
      </rPr>
      <t xml:space="preserve"> </t>
    </r>
    <r>
      <rPr>
        <b/>
        <u/>
        <sz val="12"/>
        <rFont val="ＭＳ Ｐゴシック"/>
        <family val="3"/>
        <charset val="128"/>
      </rPr>
      <t>（旧名：</t>
    </r>
    <r>
      <rPr>
        <b/>
        <u/>
        <sz val="12"/>
        <rFont val="Arial"/>
        <family val="2"/>
      </rPr>
      <t xml:space="preserve"> </t>
    </r>
    <r>
      <rPr>
        <b/>
        <u/>
        <sz val="12"/>
        <rFont val="ＭＳ Ｐゴシック"/>
        <family val="3"/>
        <charset val="128"/>
      </rPr>
      <t>環境負荷物質含有状況報告書</t>
    </r>
    <r>
      <rPr>
        <b/>
        <u/>
        <sz val="12"/>
        <rFont val="Arial"/>
        <family val="2"/>
      </rPr>
      <t>)</t>
    </r>
    <r>
      <rPr>
        <b/>
        <u/>
        <sz val="12"/>
        <rFont val="ＭＳ Ｐゴシック"/>
        <family val="3"/>
        <charset val="128"/>
      </rPr>
      <t>への入力（記入）に際しての注意点</t>
    </r>
    <rPh sb="31" eb="33">
      <t>ニュウリョク</t>
    </rPh>
    <rPh sb="34" eb="36">
      <t>キニュウ</t>
    </rPh>
    <rPh sb="38" eb="39">
      <t>サイ</t>
    </rPh>
    <rPh sb="42" eb="45">
      <t>チュウイテン</t>
    </rPh>
    <phoneticPr fontId="9"/>
  </si>
  <si>
    <r>
      <rPr>
        <sz val="11"/>
        <rFont val="ＭＳ Ｐゴシック"/>
        <family val="3"/>
        <charset val="128"/>
      </rPr>
      <t>堺ディスプレイプロダクト株式会社</t>
    </r>
    <r>
      <rPr>
        <sz val="11"/>
        <rFont val="Arial"/>
        <family val="2"/>
      </rPr>
      <t xml:space="preserve">(SDP) </t>
    </r>
    <r>
      <rPr>
        <sz val="11"/>
        <rFont val="ＭＳ Ｐゴシック"/>
        <family val="3"/>
        <charset val="128"/>
      </rPr>
      <t>行</t>
    </r>
    <rPh sb="0" eb="1">
      <t>サカイ</t>
    </rPh>
    <rPh sb="12" eb="16">
      <t>カブシキガイシャ</t>
    </rPh>
    <rPh sb="22" eb="23">
      <t>イキ</t>
    </rPh>
    <phoneticPr fontId="9"/>
  </si>
  <si>
    <r>
      <t>1</t>
    </r>
    <r>
      <rPr>
        <sz val="11"/>
        <rFont val="ＭＳ Ｐゴシック"/>
        <family val="3"/>
        <charset val="128"/>
      </rPr>
      <t>）</t>
    </r>
    <r>
      <rPr>
        <sz val="11"/>
        <rFont val="Arial"/>
        <family val="2"/>
      </rPr>
      <t>SDP</t>
    </r>
    <r>
      <rPr>
        <sz val="11"/>
        <rFont val="ＭＳ Ｐゴシック"/>
        <family val="3"/>
        <charset val="128"/>
      </rPr>
      <t>部品コード／</t>
    </r>
    <r>
      <rPr>
        <sz val="11"/>
        <rFont val="Arial"/>
        <family val="2"/>
      </rPr>
      <t xml:space="preserve">SDP </t>
    </r>
    <r>
      <rPr>
        <sz val="9"/>
        <rFont val="Arial"/>
        <family val="2"/>
      </rPr>
      <t>Part Code</t>
    </r>
    <phoneticPr fontId="9"/>
  </si>
  <si>
    <t>Note) When the result shows "Not Applicable", the product is not adopted by Sakai Display Products Corporation in principle.</t>
    <phoneticPr fontId="9"/>
  </si>
  <si>
    <t>To: Sakai Display Products Corporation(SDP)</t>
    <phoneticPr fontId="9"/>
  </si>
  <si>
    <t>Note) When "Not Applicable" and/or "Used" is selected on the Result, the part or material is prohibited by the Sakai Display Products Corporation standard.</t>
    <phoneticPr fontId="9"/>
  </si>
  <si>
    <r>
      <rPr>
        <b/>
        <u/>
        <sz val="10"/>
        <rFont val="ＭＳ Ｐゴシック"/>
        <family val="3"/>
        <charset val="128"/>
      </rPr>
      <t>（注）上記確認結果が｢</t>
    </r>
    <r>
      <rPr>
        <b/>
        <u/>
        <sz val="10"/>
        <rFont val="Arial"/>
        <family val="2"/>
      </rPr>
      <t>Not Applicable</t>
    </r>
    <r>
      <rPr>
        <b/>
        <u/>
        <sz val="10"/>
        <rFont val="ＭＳ Ｐゴシック"/>
        <family val="3"/>
        <charset val="128"/>
      </rPr>
      <t>｣の場合は、</t>
    </r>
    <r>
      <rPr>
        <b/>
        <u/>
        <sz val="10"/>
        <rFont val="Arial"/>
        <family val="2"/>
      </rPr>
      <t>SDP</t>
    </r>
    <r>
      <rPr>
        <b/>
        <u/>
        <sz val="10"/>
        <rFont val="ＭＳ Ｐゴシック"/>
        <family val="3"/>
        <charset val="128"/>
      </rPr>
      <t>での採用は原則不可／</t>
    </r>
    <phoneticPr fontId="9"/>
  </si>
  <si>
    <r>
      <t>2</t>
    </r>
    <r>
      <rPr>
        <sz val="10.5"/>
        <rFont val="ＭＳ Ｐゴシック"/>
        <family val="3"/>
        <charset val="128"/>
      </rPr>
      <t>）</t>
    </r>
    <r>
      <rPr>
        <sz val="10.5"/>
        <rFont val="Arial"/>
        <family val="2"/>
      </rPr>
      <t xml:space="preserve"> SDP</t>
    </r>
    <r>
      <rPr>
        <sz val="10.5"/>
        <rFont val="ＭＳ Ｐゴシック"/>
        <family val="3"/>
        <charset val="128"/>
      </rPr>
      <t>部品コード</t>
    </r>
    <rPh sb="6" eb="8">
      <t>ブヒン</t>
    </rPh>
    <phoneticPr fontId="9"/>
  </si>
  <si>
    <r>
      <rPr>
        <b/>
        <u/>
        <sz val="10"/>
        <rFont val="ＭＳ Ｐゴシック"/>
        <family val="3"/>
        <charset val="128"/>
      </rPr>
      <t>（注）上記確認結果が｢</t>
    </r>
    <r>
      <rPr>
        <b/>
        <u/>
        <sz val="10"/>
        <rFont val="Arial"/>
        <family val="2"/>
      </rPr>
      <t>Not Applicable</t>
    </r>
    <r>
      <rPr>
        <b/>
        <u/>
        <sz val="10"/>
        <rFont val="ＭＳ Ｐゴシック"/>
        <family val="3"/>
        <charset val="128"/>
      </rPr>
      <t>｣の場合は、</t>
    </r>
    <r>
      <rPr>
        <b/>
        <u/>
        <sz val="10"/>
        <rFont val="Arial"/>
        <family val="2"/>
      </rPr>
      <t>SDP</t>
    </r>
    <r>
      <rPr>
        <b/>
        <u/>
        <sz val="10"/>
        <rFont val="ＭＳ Ｐゴシック"/>
        <family val="3"/>
        <charset val="128"/>
      </rPr>
      <t>での採用は原則不可／</t>
    </r>
    <phoneticPr fontId="9"/>
  </si>
  <si>
    <t>Note) When the result shows "Not Applicable", the product is not adopted by SDP in principle.</t>
    <phoneticPr fontId="9"/>
  </si>
  <si>
    <r>
      <rPr>
        <b/>
        <u/>
        <sz val="10"/>
        <color theme="1"/>
        <rFont val="ＭＳ Ｐゴシック"/>
        <family val="3"/>
        <charset val="128"/>
      </rPr>
      <t>（注）上記確認結果が｢</t>
    </r>
    <r>
      <rPr>
        <b/>
        <u/>
        <sz val="10"/>
        <color theme="1"/>
        <rFont val="Arial"/>
        <family val="2"/>
      </rPr>
      <t>Not Applicable</t>
    </r>
    <r>
      <rPr>
        <b/>
        <u/>
        <sz val="10"/>
        <color theme="1"/>
        <rFont val="ＭＳ Ｐゴシック"/>
        <family val="3"/>
        <charset val="128"/>
      </rPr>
      <t>｣および「</t>
    </r>
    <r>
      <rPr>
        <b/>
        <u/>
        <sz val="10"/>
        <color theme="1"/>
        <rFont val="Arial"/>
        <family val="2"/>
      </rPr>
      <t>Used</t>
    </r>
    <r>
      <rPr>
        <b/>
        <u/>
        <sz val="10"/>
        <color theme="1"/>
        <rFont val="ＭＳ Ｐゴシック"/>
        <family val="3"/>
        <charset val="128"/>
      </rPr>
      <t>」の場合は、</t>
    </r>
    <r>
      <rPr>
        <b/>
        <u/>
        <sz val="10"/>
        <color theme="1"/>
        <rFont val="Arial"/>
        <family val="2"/>
      </rPr>
      <t>SDP</t>
    </r>
    <r>
      <rPr>
        <b/>
        <u/>
        <sz val="10"/>
        <color theme="1"/>
        <rFont val="ＭＳ Ｐゴシック"/>
        <family val="3"/>
        <charset val="128"/>
      </rPr>
      <t>での採用は不可／</t>
    </r>
    <phoneticPr fontId="9"/>
  </si>
  <si>
    <r>
      <t xml:space="preserve">    </t>
    </r>
    <r>
      <rPr>
        <sz val="11"/>
        <rFont val="ＭＳ Ｐゴシック"/>
        <family val="3"/>
        <charset val="128"/>
      </rPr>
      <t>例）</t>
    </r>
    <r>
      <rPr>
        <sz val="11"/>
        <rFont val="Arial"/>
        <family val="2"/>
      </rPr>
      <t>RoHS</t>
    </r>
    <r>
      <rPr>
        <sz val="11"/>
        <rFont val="ＭＳ Ｐゴシック"/>
        <family val="3"/>
        <charset val="128"/>
      </rPr>
      <t>指令の適用除外期限が「</t>
    </r>
    <r>
      <rPr>
        <sz val="11"/>
        <rFont val="Arial"/>
        <family val="2"/>
      </rPr>
      <t>2021</t>
    </r>
    <r>
      <rPr>
        <sz val="11"/>
        <rFont val="ＭＳ Ｐゴシック"/>
        <family val="3"/>
        <charset val="128"/>
      </rPr>
      <t>年</t>
    </r>
    <r>
      <rPr>
        <sz val="11"/>
        <rFont val="Arial"/>
        <family val="2"/>
      </rPr>
      <t>7</t>
    </r>
    <r>
      <rPr>
        <sz val="11"/>
        <rFont val="ＭＳ Ｐゴシック"/>
        <family val="3"/>
        <charset val="128"/>
      </rPr>
      <t>月</t>
    </r>
    <r>
      <rPr>
        <sz val="11"/>
        <rFont val="Arial"/>
        <family val="2"/>
      </rPr>
      <t>21</t>
    </r>
    <r>
      <rPr>
        <sz val="11"/>
        <rFont val="ＭＳ Ｐゴシック"/>
        <family val="3"/>
        <charset val="128"/>
      </rPr>
      <t>日」の場合、</t>
    </r>
    <r>
      <rPr>
        <sz val="11"/>
        <rFont val="Arial"/>
        <family val="2"/>
      </rPr>
      <t>SDP</t>
    </r>
    <r>
      <rPr>
        <sz val="11"/>
        <rFont val="ＭＳ Ｐゴシック"/>
        <family val="3"/>
        <charset val="128"/>
      </rPr>
      <t>への納入禁止日は「</t>
    </r>
    <r>
      <rPr>
        <sz val="11"/>
        <rFont val="Arial"/>
        <family val="2"/>
      </rPr>
      <t>2021</t>
    </r>
    <r>
      <rPr>
        <sz val="11"/>
        <rFont val="ＭＳ Ｐゴシック"/>
        <family val="3"/>
        <charset val="128"/>
      </rPr>
      <t>年</t>
    </r>
    <r>
      <rPr>
        <sz val="11"/>
        <rFont val="Arial"/>
        <family val="2"/>
      </rPr>
      <t>1</t>
    </r>
    <r>
      <rPr>
        <sz val="11"/>
        <rFont val="ＭＳ Ｐゴシック"/>
        <family val="3"/>
        <charset val="128"/>
      </rPr>
      <t>月</t>
    </r>
    <r>
      <rPr>
        <sz val="11"/>
        <rFont val="Arial"/>
        <family val="2"/>
      </rPr>
      <t>21</t>
    </r>
    <r>
      <rPr>
        <sz val="11"/>
        <rFont val="ＭＳ Ｐゴシック"/>
        <family val="3"/>
        <charset val="128"/>
      </rPr>
      <t>日」／</t>
    </r>
    <phoneticPr fontId="9"/>
  </si>
  <si>
    <r>
      <t xml:space="preserve"> 2) </t>
    </r>
    <r>
      <rPr>
        <sz val="11"/>
        <rFont val="ＭＳ Ｐゴシック"/>
        <family val="3"/>
        <charset val="128"/>
      </rPr>
      <t>当報告書発行以降に法規制の適用除外期限が変更になった場合は、原則として変更になった期限の半年前を</t>
    </r>
    <r>
      <rPr>
        <sz val="11"/>
        <rFont val="Arial"/>
        <family val="2"/>
      </rPr>
      <t>SDP</t>
    </r>
    <r>
      <rPr>
        <sz val="11"/>
        <rFont val="ＭＳ Ｐゴシック"/>
        <family val="3"/>
        <charset val="128"/>
      </rPr>
      <t>の納入禁止日といたします。／</t>
    </r>
    <phoneticPr fontId="9"/>
  </si>
  <si>
    <r>
      <t xml:space="preserve"> 1) </t>
    </r>
    <r>
      <rPr>
        <sz val="11"/>
        <rFont val="ＭＳ Ｐゴシック"/>
        <family val="3"/>
        <charset val="128"/>
      </rPr>
      <t>原則として、</t>
    </r>
    <r>
      <rPr>
        <sz val="11"/>
        <rFont val="Arial"/>
        <family val="2"/>
      </rPr>
      <t>RoHS</t>
    </r>
    <r>
      <rPr>
        <sz val="11"/>
        <rFont val="ＭＳ Ｐゴシック"/>
        <family val="3"/>
        <charset val="128"/>
      </rPr>
      <t>適用除外期限の半年前を</t>
    </r>
    <r>
      <rPr>
        <sz val="11"/>
        <rFont val="Arial"/>
        <family val="2"/>
      </rPr>
      <t>SDP</t>
    </r>
    <r>
      <rPr>
        <sz val="11"/>
        <rFont val="ＭＳ Ｐゴシック"/>
        <family val="3"/>
        <charset val="128"/>
      </rPr>
      <t>への納入禁止日とします／</t>
    </r>
    <phoneticPr fontId="9"/>
  </si>
  <si>
    <r>
      <t>EU RoHS</t>
    </r>
    <r>
      <rPr>
        <b/>
        <u/>
        <sz val="11"/>
        <rFont val="ＭＳ Ｐゴシック"/>
        <family val="3"/>
        <charset val="128"/>
      </rPr>
      <t>指令の適用除外期限に対する</t>
    </r>
    <r>
      <rPr>
        <b/>
        <u/>
        <sz val="11"/>
        <rFont val="Arial"/>
        <family val="2"/>
      </rPr>
      <t>SDP</t>
    </r>
    <r>
      <rPr>
        <b/>
        <u/>
        <sz val="11"/>
        <rFont val="ＭＳ Ｐゴシック"/>
        <family val="3"/>
        <charset val="128"/>
      </rPr>
      <t>への納入禁止日の考え方／</t>
    </r>
    <r>
      <rPr>
        <b/>
        <u/>
        <sz val="9"/>
        <rFont val="Arial"/>
        <family val="2"/>
      </rPr>
      <t>The SDP's policy of delivery dates to SDP and EU RoHS exemption's due date.</t>
    </r>
    <phoneticPr fontId="9"/>
  </si>
  <si>
    <t xml:space="preserve">     Example) If the deadline of RoHS Exemption is "21 July 2021," the delivery prohibition date to SDP is "21 Jan. 2021".</t>
    <phoneticPr fontId="9"/>
  </si>
  <si>
    <t xml:space="preserve">    If the deadline of RoHS Exemption is changed after issuance of this report, in principle, the delivery prohibition date to SDP will be six months before the changed deadline.</t>
    <phoneticPr fontId="9"/>
  </si>
  <si>
    <r>
      <rPr>
        <b/>
        <sz val="11"/>
        <color theme="1"/>
        <rFont val="ＭＳ Ｐゴシック"/>
        <family val="3"/>
        <charset val="128"/>
      </rPr>
      <t>第</t>
    </r>
    <r>
      <rPr>
        <b/>
        <sz val="11"/>
        <color theme="1"/>
        <rFont val="Arial"/>
        <family val="2"/>
      </rPr>
      <t>A2</t>
    </r>
    <r>
      <rPr>
        <b/>
        <sz val="11"/>
        <color theme="1"/>
        <rFont val="ＭＳ Ｐゴシック"/>
        <family val="3"/>
        <charset val="128"/>
      </rPr>
      <t>項の確認結果が「</t>
    </r>
    <r>
      <rPr>
        <b/>
        <sz val="11"/>
        <color theme="1"/>
        <rFont val="Arial"/>
        <family val="2"/>
      </rPr>
      <t>Not Applicable</t>
    </r>
    <r>
      <rPr>
        <b/>
        <sz val="11"/>
        <color theme="1"/>
        <rFont val="ＭＳ Ｐゴシック"/>
        <family val="3"/>
        <charset val="128"/>
      </rPr>
      <t>」の項目について、下記の「</t>
    </r>
    <r>
      <rPr>
        <b/>
        <sz val="11"/>
        <color theme="1"/>
        <rFont val="Arial"/>
        <family val="2"/>
      </rPr>
      <t>SDP</t>
    </r>
    <r>
      <rPr>
        <b/>
        <sz val="11"/>
        <color theme="1"/>
        <rFont val="ＭＳ Ｐゴシック"/>
        <family val="3"/>
        <charset val="128"/>
      </rPr>
      <t>の納入禁止日の考え方」の判定基準に従い確認した結果、該当する項目の｢確認結果｣欄にチェック（</t>
    </r>
    <r>
      <rPr>
        <b/>
        <sz val="11"/>
        <color theme="1"/>
        <rFont val="Arial"/>
        <family val="2"/>
      </rPr>
      <t>X</t>
    </r>
    <r>
      <rPr>
        <b/>
        <sz val="11"/>
        <color theme="1"/>
        <rFont val="ＭＳ Ｐゴシック"/>
        <family val="3"/>
        <charset val="128"/>
      </rPr>
      <t>）しています／</t>
    </r>
    <r>
      <rPr>
        <b/>
        <sz val="9"/>
        <color theme="1"/>
        <rFont val="Arial"/>
        <family val="2"/>
      </rPr>
      <t>Regarding items whose confirmatory result are "Not Applicable" in clause A2, "X" are marked in the result column based on the criteria in accordance with "The SDP's policy of delivery dates to SDP and EU RoHS exemption's due date".</t>
    </r>
    <phoneticPr fontId="9"/>
  </si>
  <si>
    <t xml:space="preserve">     In principle, SDP set up delivery prohibition date to SDP as "six month" before the due date of EU RoHS exemption.</t>
    <phoneticPr fontId="9"/>
  </si>
  <si>
    <t xml:space="preserve">   This exemption is valid during deliberation. When the deadline is decided, delivery prohibition date to SDP will be six months before the deadline.</t>
    <phoneticPr fontId="9"/>
  </si>
  <si>
    <t>包装材料・包装部品（SDP製品梱包用が対象）に使用されている／</t>
  </si>
  <si>
    <t>包装材料・包装部品（SDP製品梱包用が対象）に使用されている／</t>
    <phoneticPr fontId="9"/>
  </si>
  <si>
    <t>代替困難であり、SDPの採用決定部門に許可を得ている／</t>
    <phoneticPr fontId="9"/>
  </si>
  <si>
    <t>It is difficult to substitute, and a permission from the adoption decision department in SDP was obtained.</t>
    <phoneticPr fontId="9"/>
  </si>
  <si>
    <r>
      <rPr>
        <sz val="11"/>
        <rFont val="ＭＳ Ｐゴシック"/>
        <family val="3"/>
        <charset val="128"/>
      </rPr>
      <t>上記（</t>
    </r>
    <r>
      <rPr>
        <sz val="11"/>
        <rFont val="Arial"/>
        <family val="2"/>
      </rPr>
      <t>1</t>
    </r>
    <r>
      <rPr>
        <sz val="11"/>
        <rFont val="ＭＳ Ｐゴシック"/>
        <family val="3"/>
        <charset val="128"/>
      </rPr>
      <t>）に該当するが、代替困難であり、</t>
    </r>
    <r>
      <rPr>
        <sz val="11"/>
        <rFont val="Arial"/>
        <family val="2"/>
      </rPr>
      <t>SDP</t>
    </r>
    <r>
      <rPr>
        <sz val="11"/>
        <rFont val="ＭＳ Ｐゴシック"/>
        <family val="3"/>
        <charset val="128"/>
      </rPr>
      <t>の採用決定部門に許可を得ている／</t>
    </r>
    <rPh sb="6" eb="8">
      <t>ガイトウ</t>
    </rPh>
    <phoneticPr fontId="9"/>
  </si>
  <si>
    <t xml:space="preserve">Used in the above (1) , and it is difficult to substitute, and a permission from the adoption decision department in SDP was obtained.
</t>
    <phoneticPr fontId="9"/>
  </si>
  <si>
    <t>Used in packaging material and packaging part for SDP product.</t>
    <phoneticPr fontId="9"/>
  </si>
  <si>
    <r>
      <rPr>
        <b/>
        <sz val="11"/>
        <rFont val="ＭＳ Ｐゴシック"/>
        <family val="3"/>
        <charset val="128"/>
      </rPr>
      <t>（【質問</t>
    </r>
    <r>
      <rPr>
        <b/>
        <sz val="11"/>
        <rFont val="Arial"/>
        <family val="2"/>
      </rPr>
      <t>1</t>
    </r>
    <r>
      <rPr>
        <b/>
        <sz val="11"/>
        <rFont val="ＭＳ Ｐゴシック"/>
        <family val="3"/>
        <charset val="128"/>
      </rPr>
      <t>】が「</t>
    </r>
    <r>
      <rPr>
        <b/>
        <sz val="11"/>
        <rFont val="Arial"/>
        <family val="2"/>
      </rPr>
      <t>YES</t>
    </r>
    <r>
      <rPr>
        <b/>
        <sz val="11"/>
        <rFont val="ＭＳ Ｐゴシック"/>
        <family val="3"/>
        <charset val="128"/>
      </rPr>
      <t>」の場合のみ）
生産設備は</t>
    </r>
    <r>
      <rPr>
        <b/>
        <sz val="11"/>
        <rFont val="Arial"/>
        <family val="2"/>
      </rPr>
      <t>SDP</t>
    </r>
    <r>
      <rPr>
        <b/>
        <sz val="11"/>
        <rFont val="ＭＳ Ｐゴシック"/>
        <family val="3"/>
        <charset val="128"/>
      </rPr>
      <t>納入品（または納入予定品）の設備と共用（併用）している。</t>
    </r>
    <r>
      <rPr>
        <sz val="11"/>
        <rFont val="Arial"/>
        <family val="2"/>
      </rPr>
      <t xml:space="preserve">
</t>
    </r>
    <r>
      <rPr>
        <sz val="9"/>
        <rFont val="Arial"/>
        <family val="2"/>
      </rPr>
      <t xml:space="preserve">(If the answer of "No.1" is "YES")
The production facility where the above phthalates are handled is used as the facility for products to be supplied to SDP. </t>
    </r>
    <rPh sb="2" eb="4">
      <t>シツモン</t>
    </rPh>
    <rPh sb="13" eb="15">
      <t>バアイ</t>
    </rPh>
    <rPh sb="19" eb="21">
      <t>セイサン</t>
    </rPh>
    <rPh sb="21" eb="23">
      <t>セツビ</t>
    </rPh>
    <rPh sb="27" eb="29">
      <t>ノウニュウ</t>
    </rPh>
    <rPh sb="29" eb="30">
      <t>ヒン</t>
    </rPh>
    <rPh sb="34" eb="36">
      <t>ノウニュウ</t>
    </rPh>
    <rPh sb="36" eb="38">
      <t>ヨテイ</t>
    </rPh>
    <rPh sb="38" eb="39">
      <t>ヒン</t>
    </rPh>
    <rPh sb="41" eb="43">
      <t>セツビ</t>
    </rPh>
    <rPh sb="44" eb="46">
      <t>キョウヨウ</t>
    </rPh>
    <rPh sb="47" eb="49">
      <t>ヘイヨウ</t>
    </rPh>
    <phoneticPr fontId="81"/>
  </si>
  <si>
    <r>
      <rPr>
        <b/>
        <sz val="11"/>
        <rFont val="ＭＳ Ｐゴシック"/>
        <family val="3"/>
        <charset val="128"/>
      </rPr>
      <t>【質問</t>
    </r>
    <r>
      <rPr>
        <b/>
        <sz val="11"/>
        <rFont val="Arial"/>
        <family val="2"/>
      </rPr>
      <t>2</t>
    </r>
    <r>
      <rPr>
        <b/>
        <sz val="11"/>
        <rFont val="ＭＳ Ｐゴシック"/>
        <family val="3"/>
        <charset val="128"/>
      </rPr>
      <t>】が「</t>
    </r>
    <r>
      <rPr>
        <b/>
        <sz val="11"/>
        <rFont val="Arial"/>
        <family val="2"/>
      </rPr>
      <t>YES</t>
    </r>
    <r>
      <rPr>
        <b/>
        <sz val="11"/>
        <rFont val="ＭＳ Ｐゴシック"/>
        <family val="3"/>
        <charset val="128"/>
      </rPr>
      <t xml:space="preserve">」の場合、
</t>
    </r>
    <r>
      <rPr>
        <b/>
        <sz val="11"/>
        <rFont val="Arial"/>
        <family val="2"/>
      </rPr>
      <t>SDP</t>
    </r>
    <r>
      <rPr>
        <b/>
        <sz val="11"/>
        <rFont val="ＭＳ Ｐゴシック"/>
        <family val="3"/>
        <charset val="128"/>
      </rPr>
      <t>納入品（納入予定品）へのフタル酸エステル混入防止方法について、別紙の通り回答します。
　　・設備の洗浄手順、検証方法など
　　・ロット保証の検証方法など</t>
    </r>
    <r>
      <rPr>
        <sz val="11"/>
        <rFont val="Arial"/>
        <family val="2"/>
      </rPr>
      <t xml:space="preserve">
</t>
    </r>
    <r>
      <rPr>
        <sz val="9"/>
        <rFont val="Arial"/>
        <family val="2"/>
      </rPr>
      <t xml:space="preserve">(If the answer of "No.2" is "YES")
Regarding the method for preventing the phthalates from being contained in products to be supplied to SDP, reply it on a separate sheet
</t>
    </r>
    <r>
      <rPr>
        <sz val="9"/>
        <rFont val="ＭＳ Ｐゴシック"/>
        <family val="3"/>
        <charset val="128"/>
      </rPr>
      <t>　　</t>
    </r>
    <r>
      <rPr>
        <sz val="9"/>
        <rFont val="Arial"/>
        <family val="2"/>
      </rPr>
      <t xml:space="preserve">-Procedures for cleaning facilities, etc.
</t>
    </r>
    <r>
      <rPr>
        <sz val="9"/>
        <rFont val="ＭＳ Ｐゴシック"/>
        <family val="3"/>
        <charset val="128"/>
      </rPr>
      <t>　　</t>
    </r>
    <r>
      <rPr>
        <sz val="9"/>
        <rFont val="Arial"/>
        <family val="2"/>
      </rPr>
      <t>-Methods for examination of lot guarantees, etc.</t>
    </r>
    <rPh sb="1" eb="3">
      <t>シツモン</t>
    </rPh>
    <rPh sb="12" eb="14">
      <t>バアイ</t>
    </rPh>
    <rPh sb="19" eb="21">
      <t>ノウニュウ</t>
    </rPh>
    <rPh sb="21" eb="22">
      <t>ヒン</t>
    </rPh>
    <rPh sb="23" eb="25">
      <t>ノウニュウ</t>
    </rPh>
    <rPh sb="25" eb="27">
      <t>ヨテイ</t>
    </rPh>
    <rPh sb="27" eb="28">
      <t>ヒン</t>
    </rPh>
    <rPh sb="34" eb="35">
      <t>サン</t>
    </rPh>
    <rPh sb="39" eb="41">
      <t>コンニュウ</t>
    </rPh>
    <rPh sb="41" eb="43">
      <t>ボウシ</t>
    </rPh>
    <rPh sb="43" eb="45">
      <t>ホウホウ</t>
    </rPh>
    <rPh sb="50" eb="52">
      <t>ベッシ</t>
    </rPh>
    <rPh sb="53" eb="54">
      <t>トオ</t>
    </rPh>
    <rPh sb="55" eb="57">
      <t>カイトウ</t>
    </rPh>
    <rPh sb="65" eb="67">
      <t>セツビ</t>
    </rPh>
    <rPh sb="68" eb="70">
      <t>センジョウ</t>
    </rPh>
    <rPh sb="70" eb="72">
      <t>テジュン</t>
    </rPh>
    <rPh sb="73" eb="75">
      <t>ケンショウ</t>
    </rPh>
    <rPh sb="75" eb="77">
      <t>ホウホウ</t>
    </rPh>
    <rPh sb="86" eb="88">
      <t>ホショウ</t>
    </rPh>
    <rPh sb="89" eb="91">
      <t>ケンショウ</t>
    </rPh>
    <rPh sb="91" eb="93">
      <t>ホウホウ</t>
    </rPh>
    <phoneticPr fontId="81"/>
  </si>
  <si>
    <t>please send promptly the revised report to SDP.</t>
  </si>
  <si>
    <r>
      <t>2</t>
    </r>
    <r>
      <rPr>
        <sz val="11"/>
        <rFont val="ＭＳ Ｐゴシック"/>
        <family val="3"/>
        <charset val="128"/>
      </rPr>
      <t>）</t>
    </r>
    <r>
      <rPr>
        <sz val="11"/>
        <rFont val="Arial"/>
        <family val="2"/>
      </rPr>
      <t xml:space="preserve"> SDP Part Code : the product code assigned by SDP</t>
    </r>
    <phoneticPr fontId="9"/>
  </si>
  <si>
    <t xml:space="preserve">含有化学物質報告書では、堺ディスプレイプロダクト株式会社は以降SDPと省略致します。    </t>
    <rPh sb="0" eb="2">
      <t>ガンユウ</t>
    </rPh>
    <rPh sb="2" eb="4">
      <t>カガク</t>
    </rPh>
    <rPh sb="4" eb="5">
      <t>ブツ</t>
    </rPh>
    <rPh sb="5" eb="6">
      <t>シツ</t>
    </rPh>
    <rPh sb="6" eb="9">
      <t>ホウコクショ</t>
    </rPh>
    <rPh sb="12" eb="13">
      <t>サカイ</t>
    </rPh>
    <rPh sb="24" eb="26">
      <t>カブシキ</t>
    </rPh>
    <rPh sb="26" eb="28">
      <t>カイシャ</t>
    </rPh>
    <rPh sb="29" eb="31">
      <t>イコウ</t>
    </rPh>
    <rPh sb="35" eb="37">
      <t>ショウリャク</t>
    </rPh>
    <rPh sb="37" eb="38">
      <t>イタ</t>
    </rPh>
    <phoneticPr fontId="9"/>
  </si>
  <si>
    <t>In "Report on Chemical Substances Contained in the Product ", the Sakai Display Products Corporation is abbreviated as SDP.</t>
    <phoneticPr fontId="9"/>
  </si>
  <si>
    <t>SDP御中/ To: SDP Corporation</t>
    <rPh sb="3" eb="5">
      <t>オンチュウ</t>
    </rPh>
    <phoneticPr fontId="81"/>
  </si>
  <si>
    <t>It is difficult to substitute, and a permission from the adoption decision department in SDP was obtained.</t>
    <phoneticPr fontId="9"/>
  </si>
  <si>
    <t>代替困難であり、SDPの採用決定部門に許可を得ている／</t>
    <rPh sb="0" eb="2">
      <t>ダイタイ</t>
    </rPh>
    <phoneticPr fontId="9"/>
  </si>
  <si>
    <t>＜SDP独自規制＞</t>
    <rPh sb="4" eb="6">
      <t>ドクジ</t>
    </rPh>
    <rPh sb="6" eb="8">
      <t>キセイ</t>
    </rPh>
    <phoneticPr fontId="9"/>
  </si>
  <si>
    <r>
      <t xml:space="preserve">C. </t>
    </r>
    <r>
      <rPr>
        <b/>
        <sz val="20"/>
        <rFont val="ＭＳ Ｐゴシック"/>
        <family val="3"/>
        <charset val="128"/>
      </rPr>
      <t>調査対象化学物質</t>
    </r>
    <r>
      <rPr>
        <b/>
        <sz val="20"/>
        <rFont val="Arial"/>
        <family val="2"/>
      </rPr>
      <t xml:space="preserve">(Part 2)
</t>
    </r>
    <r>
      <rPr>
        <sz val="14"/>
        <rFont val="Arial"/>
        <family val="2"/>
      </rPr>
      <t>C. Chemical Substances to be investigated (Part 2)</t>
    </r>
    <phoneticPr fontId="81"/>
  </si>
  <si>
    <r>
      <t xml:space="preserve"> C1-</t>
    </r>
    <r>
      <rPr>
        <sz val="9"/>
        <rFont val="ＭＳ Ｐゴシック"/>
        <family val="3"/>
        <charset val="128"/>
      </rPr>
      <t>調査対象化学物質</t>
    </r>
    <r>
      <rPr>
        <sz val="9"/>
        <rFont val="Arial"/>
        <family val="2"/>
      </rPr>
      <t>(Part 2)</t>
    </r>
    <rPh sb="4" eb="6">
      <t>チョウサ</t>
    </rPh>
    <rPh sb="6" eb="8">
      <t>タイショウ</t>
    </rPh>
    <rPh sb="8" eb="10">
      <t>カガク</t>
    </rPh>
    <rPh sb="10" eb="12">
      <t>ブッシツ</t>
    </rPh>
    <phoneticPr fontId="9"/>
  </si>
  <si>
    <t xml:space="preserve">are SDP common sheets. </t>
    <phoneticPr fontId="9"/>
  </si>
  <si>
    <r>
      <t>CAS</t>
    </r>
    <r>
      <rPr>
        <sz val="10"/>
        <rFont val="ＭＳ Ｐゴシック"/>
        <family val="3"/>
        <charset val="128"/>
      </rPr>
      <t>番号／</t>
    </r>
    <r>
      <rPr>
        <sz val="10"/>
        <rFont val="Arial"/>
        <family val="2"/>
      </rPr>
      <t>CAS No.</t>
    </r>
    <rPh sb="3" eb="5">
      <t>バンゴウ</t>
    </rPh>
    <phoneticPr fontId="9"/>
  </si>
  <si>
    <t>&lt; Applicable　　　　 / Not Applicable &gt;</t>
  </si>
  <si>
    <t>&lt; Applicable　　　　　　/ Not Applicable &gt;</t>
  </si>
  <si>
    <t>　</t>
  </si>
  <si>
    <r>
      <rPr>
        <b/>
        <sz val="20"/>
        <rFont val="ＭＳ Ｐゴシック"/>
        <family val="3"/>
        <charset val="128"/>
      </rPr>
      <t>含有化学物質報告書（</t>
    </r>
    <r>
      <rPr>
        <b/>
        <sz val="20"/>
        <rFont val="Arial"/>
        <family val="2"/>
      </rPr>
      <t>ver.13.0</t>
    </r>
    <r>
      <rPr>
        <b/>
        <sz val="20"/>
        <rFont val="ＭＳ Ｐゴシック"/>
        <family val="3"/>
        <charset val="128"/>
      </rPr>
      <t>）</t>
    </r>
    <r>
      <rPr>
        <sz val="20"/>
        <rFont val="Arial"/>
        <family val="2"/>
      </rPr>
      <t xml:space="preserve"> </t>
    </r>
    <r>
      <rPr>
        <sz val="11"/>
        <rFont val="ＭＳ Ｐゴシック"/>
        <family val="3"/>
        <charset val="128"/>
      </rPr>
      <t>（旧名：</t>
    </r>
    <r>
      <rPr>
        <sz val="11"/>
        <rFont val="Arial"/>
        <family val="2"/>
      </rPr>
      <t xml:space="preserve"> </t>
    </r>
    <r>
      <rPr>
        <sz val="11"/>
        <rFont val="ＭＳ Ｐゴシック"/>
        <family val="3"/>
        <charset val="128"/>
      </rPr>
      <t>環境負荷物質含有状況報告書）</t>
    </r>
    <r>
      <rPr>
        <b/>
        <sz val="20"/>
        <rFont val="ＭＳ Ｐゴシック"/>
        <family val="3"/>
        <charset val="128"/>
      </rPr>
      <t>／</t>
    </r>
    <rPh sb="21" eb="23">
      <t>キュウメイ</t>
    </rPh>
    <rPh sb="25" eb="27">
      <t>カンキョウ</t>
    </rPh>
    <rPh sb="27" eb="29">
      <t>フカ</t>
    </rPh>
    <rPh sb="29" eb="31">
      <t>ブッシツ</t>
    </rPh>
    <rPh sb="31" eb="33">
      <t>ガンユウ</t>
    </rPh>
    <rPh sb="33" eb="35">
      <t>ジョウキョウ</t>
    </rPh>
    <rPh sb="35" eb="38">
      <t>ホウコクショ</t>
    </rPh>
    <phoneticPr fontId="9"/>
  </si>
  <si>
    <t xml:space="preserve">Report on Chemical Substances Contained in the Product (ver.13.0) </t>
    <phoneticPr fontId="9"/>
  </si>
  <si>
    <r>
      <rPr>
        <sz val="11"/>
        <rFont val="ＭＳ Ｐゴシック"/>
        <family val="3"/>
        <charset val="128"/>
      </rPr>
      <t>ジブチルスズ化合物（</t>
    </r>
    <r>
      <rPr>
        <sz val="11"/>
        <rFont val="Arial"/>
        <family val="2"/>
      </rPr>
      <t>DBT</t>
    </r>
    <r>
      <rPr>
        <sz val="11"/>
        <rFont val="ＭＳ Ｐゴシック"/>
        <family val="3"/>
        <charset val="128"/>
      </rPr>
      <t>）／</t>
    </r>
    <phoneticPr fontId="9"/>
  </si>
  <si>
    <r>
      <t>ペンタクロロベンゼンチオール（</t>
    </r>
    <r>
      <rPr>
        <sz val="11"/>
        <rFont val="Arial"/>
        <family val="2"/>
      </rPr>
      <t>PCTP</t>
    </r>
    <r>
      <rPr>
        <sz val="11"/>
        <rFont val="ＭＳ Ｐゴシック"/>
        <family val="3"/>
        <charset val="128"/>
      </rPr>
      <t>）／</t>
    </r>
    <phoneticPr fontId="9"/>
  </si>
  <si>
    <t>Pentachlorothiophenol(PCTP)</t>
    <phoneticPr fontId="9"/>
  </si>
  <si>
    <r>
      <t>1wt%</t>
    </r>
    <r>
      <rPr>
        <sz val="11"/>
        <rFont val="ＭＳ Ｐゴシック"/>
        <family val="3"/>
        <charset val="128"/>
      </rPr>
      <t>以下の含有である／</t>
    </r>
    <rPh sb="4" eb="6">
      <t>イカ</t>
    </rPh>
    <rPh sb="7" eb="9">
      <t>ガンユウ</t>
    </rPh>
    <phoneticPr fontId="9"/>
  </si>
  <si>
    <t>Content is 1wt% or less.</t>
    <phoneticPr fontId="9"/>
  </si>
  <si>
    <r>
      <t>リン酸イソプロピルフェニル（</t>
    </r>
    <r>
      <rPr>
        <sz val="11"/>
        <rFont val="Arial"/>
        <family val="2"/>
      </rPr>
      <t>PIP(3:1)</t>
    </r>
    <r>
      <rPr>
        <sz val="11"/>
        <rFont val="ＭＳ Ｐゴシック"/>
        <family val="3"/>
        <charset val="128"/>
      </rPr>
      <t>）／</t>
    </r>
    <rPh sb="2" eb="3">
      <t>サン</t>
    </rPh>
    <phoneticPr fontId="9"/>
  </si>
  <si>
    <t>意図的に添加していない／</t>
    <phoneticPr fontId="9"/>
  </si>
  <si>
    <t>Not intentionally added.</t>
    <phoneticPr fontId="9"/>
  </si>
  <si>
    <t>2,4,6-tris(tert-butyl)phenol (2,4,6-TTBP)</t>
    <phoneticPr fontId="9"/>
  </si>
  <si>
    <r>
      <t>4,4'-</t>
    </r>
    <r>
      <rPr>
        <sz val="11"/>
        <rFont val="ＭＳ Ｐゴシック"/>
        <family val="3"/>
        <charset val="128"/>
      </rPr>
      <t>プロパン</t>
    </r>
    <r>
      <rPr>
        <sz val="11"/>
        <rFont val="Arial"/>
        <family val="2"/>
      </rPr>
      <t>-2,2-</t>
    </r>
    <r>
      <rPr>
        <sz val="11"/>
        <rFont val="ＭＳ Ｐゴシック"/>
        <family val="3"/>
        <charset val="128"/>
      </rPr>
      <t>ジイルジフェノール
（ビスフェノール</t>
    </r>
    <r>
      <rPr>
        <sz val="11"/>
        <rFont val="Arial"/>
        <family val="2"/>
      </rPr>
      <t>A</t>
    </r>
    <r>
      <rPr>
        <sz val="11"/>
        <rFont val="ＭＳ Ｐゴシック"/>
        <family val="3"/>
        <charset val="128"/>
      </rPr>
      <t>）／</t>
    </r>
    <phoneticPr fontId="9"/>
  </si>
  <si>
    <r>
      <t>0.02wt%</t>
    </r>
    <r>
      <rPr>
        <sz val="11"/>
        <rFont val="ＭＳ Ｐゴシック"/>
        <family val="3"/>
        <charset val="128"/>
      </rPr>
      <t>未満の含有である／</t>
    </r>
    <rPh sb="7" eb="9">
      <t>ミマン</t>
    </rPh>
    <rPh sb="10" eb="12">
      <t>ガンユウ</t>
    </rPh>
    <phoneticPr fontId="9"/>
  </si>
  <si>
    <t>Content is less then 0.02wt%.</t>
    <phoneticPr fontId="9"/>
  </si>
  <si>
    <r>
      <rPr>
        <sz val="11"/>
        <rFont val="ＭＳ Ｐゴシック"/>
        <family val="3"/>
        <charset val="128"/>
      </rPr>
      <t>ハロゲン系難燃剤　</t>
    </r>
    <r>
      <rPr>
        <sz val="11"/>
        <rFont val="Arial"/>
        <family val="2"/>
      </rPr>
      <t>*5)</t>
    </r>
    <r>
      <rPr>
        <sz val="11"/>
        <rFont val="ＭＳ Ｐゴシック"/>
        <family val="3"/>
        <charset val="128"/>
      </rPr>
      <t>／</t>
    </r>
    <rPh sb="4" eb="5">
      <t>ケイ</t>
    </rPh>
    <rPh sb="5" eb="8">
      <t>ナンネンザイ</t>
    </rPh>
    <phoneticPr fontId="9"/>
  </si>
  <si>
    <t>Halogenated flame retardant *5)</t>
    <phoneticPr fontId="9"/>
  </si>
  <si>
    <r>
      <t>均質材料中のハロゲン系難燃剤に起因するハロゲン元素の合計が、</t>
    </r>
    <r>
      <rPr>
        <sz val="11"/>
        <rFont val="Arial"/>
        <family val="2"/>
      </rPr>
      <t>0.1wt%</t>
    </r>
    <r>
      <rPr>
        <sz val="11"/>
        <rFont val="ＭＳ Ｐゴシック"/>
        <family val="3"/>
        <charset val="128"/>
      </rPr>
      <t>以下の含有である／</t>
    </r>
    <rPh sb="0" eb="2">
      <t>キンシツ</t>
    </rPh>
    <rPh sb="2" eb="4">
      <t>ザイリョウ</t>
    </rPh>
    <rPh sb="4" eb="5">
      <t>チュウ</t>
    </rPh>
    <rPh sb="10" eb="11">
      <t>ケイ</t>
    </rPh>
    <rPh sb="11" eb="14">
      <t>ナンネンザイ</t>
    </rPh>
    <rPh sb="15" eb="17">
      <t>キイン</t>
    </rPh>
    <rPh sb="23" eb="25">
      <t>ゲンソ</t>
    </rPh>
    <rPh sb="26" eb="28">
      <t>ゴウケイ</t>
    </rPh>
    <rPh sb="36" eb="38">
      <t>イカ</t>
    </rPh>
    <rPh sb="39" eb="41">
      <t>ガンユウ</t>
    </rPh>
    <phoneticPr fontId="9"/>
  </si>
  <si>
    <t>Total content of halogen elements attributed to the halogenated flame retardants in the homogeneous material is 0.1wt% or less.</t>
    <phoneticPr fontId="9"/>
  </si>
  <si>
    <r>
      <t xml:space="preserve">*5) </t>
    </r>
    <r>
      <rPr>
        <sz val="9"/>
        <color theme="1"/>
        <rFont val="ＭＳ Ｐゴシック"/>
        <family val="3"/>
        <charset val="128"/>
      </rPr>
      <t>ハロゲン系難燃剤は、ハロゲン元素を含むすべての難燃剤です／</t>
    </r>
    <rPh sb="8" eb="9">
      <t>ケイ</t>
    </rPh>
    <rPh sb="9" eb="12">
      <t>ナンネンザイ</t>
    </rPh>
    <rPh sb="18" eb="20">
      <t>ゲンソ</t>
    </rPh>
    <rPh sb="21" eb="22">
      <t>フク</t>
    </rPh>
    <rPh sb="27" eb="30">
      <t>ナンネンザイ</t>
    </rPh>
    <phoneticPr fontId="9"/>
  </si>
  <si>
    <r>
      <rPr>
        <sz val="11"/>
        <color theme="1"/>
        <rFont val="ＭＳ Ｐゴシック"/>
        <family val="3"/>
        <charset val="128"/>
      </rPr>
      <t>下記（</t>
    </r>
    <r>
      <rPr>
        <sz val="11"/>
        <color theme="1"/>
        <rFont val="Arial"/>
        <family val="2"/>
      </rPr>
      <t>2</t>
    </r>
    <r>
      <rPr>
        <sz val="11"/>
        <color theme="1"/>
        <rFont val="ＭＳ Ｐゴシック"/>
        <family val="3"/>
        <charset val="128"/>
      </rPr>
      <t>）</t>
    </r>
    <r>
      <rPr>
        <sz val="11"/>
        <color theme="1"/>
        <rFont val="ＭＳ Ｐゴシック"/>
        <family val="3"/>
        <charset val="128"/>
      </rPr>
      <t>以外のものに使用されている／</t>
    </r>
    <phoneticPr fontId="9"/>
  </si>
  <si>
    <t>Used in the other than the following (2).</t>
    <phoneticPr fontId="9"/>
  </si>
  <si>
    <t>Isopropylphenyl phosphate (PIP(3:1))</t>
    <phoneticPr fontId="9"/>
  </si>
  <si>
    <r>
      <rPr>
        <sz val="11"/>
        <rFont val="ＭＳ Ｐゴシック"/>
        <family val="3"/>
        <charset val="128"/>
      </rPr>
      <t>リン酸イソプロピルフェニル（</t>
    </r>
    <r>
      <rPr>
        <sz val="11"/>
        <rFont val="Arial"/>
        <family val="2"/>
      </rPr>
      <t>PIP(3:1)</t>
    </r>
    <r>
      <rPr>
        <sz val="11"/>
        <rFont val="ＭＳ Ｐゴシック"/>
        <family val="3"/>
        <charset val="128"/>
      </rPr>
      <t>）／</t>
    </r>
    <r>
      <rPr>
        <sz val="9"/>
        <rFont val="Arial"/>
        <family val="2"/>
      </rPr>
      <t>Isopropylphenyl phosphate (PIP(3:1))</t>
    </r>
    <phoneticPr fontId="9"/>
  </si>
  <si>
    <r>
      <t>下記（</t>
    </r>
    <r>
      <rPr>
        <sz val="11"/>
        <rFont val="Arial"/>
        <family val="2"/>
      </rPr>
      <t>2</t>
    </r>
    <r>
      <rPr>
        <sz val="11"/>
        <rFont val="ＭＳ Ｐゴシック"/>
        <family val="3"/>
        <charset val="128"/>
      </rPr>
      <t>）～（</t>
    </r>
    <r>
      <rPr>
        <sz val="11"/>
        <rFont val="Arial"/>
        <family val="2"/>
      </rPr>
      <t>5</t>
    </r>
    <r>
      <rPr>
        <sz val="11"/>
        <rFont val="ＭＳ Ｐゴシック"/>
        <family val="3"/>
        <charset val="128"/>
      </rPr>
      <t>）以外のものに使用されている／</t>
    </r>
    <r>
      <rPr>
        <sz val="9"/>
        <rFont val="Arial"/>
        <family val="2"/>
      </rPr>
      <t>used in the other than the following (2)-(5).</t>
    </r>
    <rPh sb="0" eb="2">
      <t>カキ</t>
    </rPh>
    <rPh sb="9" eb="11">
      <t>イガイ</t>
    </rPh>
    <rPh sb="15" eb="17">
      <t>シヨウ</t>
    </rPh>
    <phoneticPr fontId="9"/>
  </si>
  <si>
    <t>使用可／</t>
    <phoneticPr fontId="9"/>
  </si>
  <si>
    <t>Usable</t>
    <phoneticPr fontId="9"/>
  </si>
  <si>
    <r>
      <t>接着剤または封止剤に使用されていて、SDPの採用決定部門の許可を得ている［</t>
    </r>
    <r>
      <rPr>
        <sz val="11"/>
        <rFont val="Arial"/>
        <family val="2"/>
      </rPr>
      <t>2024</t>
    </r>
    <r>
      <rPr>
        <sz val="11"/>
        <rFont val="ＭＳ Ｐゴシック"/>
        <family val="3"/>
        <charset val="128"/>
      </rPr>
      <t>年</t>
    </r>
    <r>
      <rPr>
        <sz val="11"/>
        <rFont val="Arial"/>
        <family val="2"/>
      </rPr>
      <t>1</t>
    </r>
    <r>
      <rPr>
        <sz val="11"/>
        <rFont val="ＭＳ Ｐゴシック"/>
        <family val="3"/>
        <charset val="128"/>
      </rPr>
      <t>月</t>
    </r>
    <r>
      <rPr>
        <sz val="11"/>
        <rFont val="Arial"/>
        <family val="2"/>
      </rPr>
      <t>6</t>
    </r>
    <r>
      <rPr>
        <sz val="11"/>
        <rFont val="ＭＳ Ｐゴシック"/>
        <family val="3"/>
        <charset val="128"/>
      </rPr>
      <t>日以降使用禁止］／</t>
    </r>
    <rPh sb="0" eb="3">
      <t>セッチャクザイ</t>
    </rPh>
    <rPh sb="6" eb="8">
      <t>フウシ</t>
    </rPh>
    <rPh sb="8" eb="9">
      <t>ザイ</t>
    </rPh>
    <rPh sb="10" eb="12">
      <t>シヨウ</t>
    </rPh>
    <rPh sb="22" eb="24">
      <t>サイヨウ</t>
    </rPh>
    <rPh sb="24" eb="26">
      <t>ケッテイ</t>
    </rPh>
    <rPh sb="26" eb="28">
      <t>ブモン</t>
    </rPh>
    <rPh sb="29" eb="31">
      <t>キョカ</t>
    </rPh>
    <rPh sb="32" eb="33">
      <t>エ</t>
    </rPh>
    <rPh sb="41" eb="42">
      <t>ネン</t>
    </rPh>
    <rPh sb="43" eb="44">
      <t>ガツ</t>
    </rPh>
    <rPh sb="45" eb="46">
      <t>ヒ</t>
    </rPh>
    <rPh sb="46" eb="48">
      <t>イコウ</t>
    </rPh>
    <rPh sb="48" eb="52">
      <t>シヨウキンシ</t>
    </rPh>
    <phoneticPr fontId="9"/>
  </si>
  <si>
    <r>
      <rPr>
        <sz val="11"/>
        <rFont val="ＭＳ Ｐゴシック"/>
        <family val="3"/>
        <charset val="128"/>
      </rPr>
      <t>潤滑油またはグリースに使用されている／</t>
    </r>
    <r>
      <rPr>
        <sz val="9"/>
        <rFont val="Arial"/>
        <family val="2"/>
      </rPr>
      <t>Used in lubricants or greases.</t>
    </r>
    <rPh sb="0" eb="3">
      <t>ジュンカツユ</t>
    </rPh>
    <rPh sb="11" eb="13">
      <t>シヨウ</t>
    </rPh>
    <phoneticPr fontId="9"/>
  </si>
  <si>
    <t>再生プラスチックの製造工程で新規PIP(3:1)の追加はなく、リサイクル由来のPIP(3:1)のみを含有するプラスチックまたはそれを使用した製品に使用されている／</t>
    <rPh sb="0" eb="2">
      <t>サイセイ</t>
    </rPh>
    <rPh sb="9" eb="13">
      <t>セイゾウコウテイ</t>
    </rPh>
    <rPh sb="14" eb="16">
      <t>シンキ</t>
    </rPh>
    <rPh sb="25" eb="27">
      <t>ツイカ</t>
    </rPh>
    <rPh sb="36" eb="38">
      <t>ユライ</t>
    </rPh>
    <rPh sb="50" eb="52">
      <t>ガンユウ</t>
    </rPh>
    <rPh sb="66" eb="68">
      <t>シヨウ</t>
    </rPh>
    <rPh sb="70" eb="72">
      <t>セイヒン</t>
    </rPh>
    <rPh sb="73" eb="75">
      <t>シヨウ</t>
    </rPh>
    <phoneticPr fontId="9"/>
  </si>
  <si>
    <t>Used in products or articles made of plastic recycled from products or articles containing PIP (3:1), where no new PIP (3:1) was added during the production of the products or articles made of recycled plastic.</t>
    <phoneticPr fontId="9"/>
  </si>
  <si>
    <r>
      <rPr>
        <sz val="11"/>
        <rFont val="ＭＳ Ｐゴシック"/>
        <family val="3"/>
        <charset val="128"/>
      </rPr>
      <t>上記以外の米国</t>
    </r>
    <r>
      <rPr>
        <sz val="11"/>
        <rFont val="Arial"/>
        <family val="2"/>
      </rPr>
      <t xml:space="preserve"> TSCA </t>
    </r>
    <r>
      <rPr>
        <sz val="11"/>
        <rFont val="ＭＳ Ｐゴシック"/>
        <family val="3"/>
        <charset val="128"/>
      </rPr>
      <t>第</t>
    </r>
    <r>
      <rPr>
        <sz val="11"/>
        <rFont val="Arial"/>
        <family val="2"/>
      </rPr>
      <t>6</t>
    </r>
    <r>
      <rPr>
        <sz val="11"/>
        <rFont val="ＭＳ Ｐゴシック"/>
        <family val="3"/>
        <charset val="128"/>
      </rPr>
      <t>条</t>
    </r>
    <r>
      <rPr>
        <sz val="11"/>
        <rFont val="Arial"/>
        <family val="2"/>
      </rPr>
      <t xml:space="preserve"> PBT</t>
    </r>
    <r>
      <rPr>
        <sz val="11"/>
        <rFont val="ＭＳ Ｐゴシック"/>
        <family val="3"/>
        <charset val="128"/>
      </rPr>
      <t>物質で定められた適用除外用途に使用されており、採用部門の許可を得ている／</t>
    </r>
    <rPh sb="0" eb="4">
      <t>ジョウキイガイ</t>
    </rPh>
    <rPh sb="5" eb="7">
      <t>ベイコク</t>
    </rPh>
    <rPh sb="13" eb="14">
      <t>ダイ</t>
    </rPh>
    <rPh sb="15" eb="16">
      <t>ジョウ</t>
    </rPh>
    <rPh sb="20" eb="22">
      <t>ブッシツ</t>
    </rPh>
    <rPh sb="23" eb="24">
      <t>サダ</t>
    </rPh>
    <rPh sb="28" eb="30">
      <t>テキヨウ</t>
    </rPh>
    <rPh sb="30" eb="32">
      <t>ジョガイ</t>
    </rPh>
    <rPh sb="32" eb="34">
      <t>ヨウト</t>
    </rPh>
    <rPh sb="35" eb="37">
      <t>シヨウ</t>
    </rPh>
    <rPh sb="43" eb="45">
      <t>サイヨウ</t>
    </rPh>
    <rPh sb="45" eb="47">
      <t>ブモン</t>
    </rPh>
    <rPh sb="48" eb="50">
      <t>キョカ</t>
    </rPh>
    <rPh sb="51" eb="52">
      <t>エ</t>
    </rPh>
    <phoneticPr fontId="9"/>
  </si>
  <si>
    <t>Using exemptions listed in USA TSCA SELECTION 6 PBT-chemicals other than above and having permission from adoption decision.</t>
    <phoneticPr fontId="9"/>
  </si>
  <si>
    <r>
      <t>ペルクロロブタ</t>
    </r>
    <r>
      <rPr>
        <sz val="11"/>
        <rFont val="Arial"/>
        <family val="2"/>
      </rPr>
      <t>-1,3-</t>
    </r>
    <r>
      <rPr>
        <sz val="11"/>
        <rFont val="ＭＳ Ｐゴシック"/>
        <family val="3"/>
        <charset val="128"/>
      </rPr>
      <t>ジエン（</t>
    </r>
    <r>
      <rPr>
        <sz val="11"/>
        <rFont val="Arial"/>
        <family val="2"/>
      </rPr>
      <t>HCBD</t>
    </r>
    <r>
      <rPr>
        <sz val="11"/>
        <rFont val="ＭＳ Ｐゴシック"/>
        <family val="3"/>
        <charset val="128"/>
      </rPr>
      <t>）／</t>
    </r>
    <phoneticPr fontId="9"/>
  </si>
  <si>
    <t>Hexachlorobutadiene (HCBD)</t>
    <phoneticPr fontId="9"/>
  </si>
  <si>
    <r>
      <rPr>
        <sz val="11"/>
        <rFont val="ＭＳ Ｐゴシック"/>
        <family val="3"/>
        <charset val="128"/>
      </rPr>
      <t>ペルクロロブタ</t>
    </r>
    <r>
      <rPr>
        <sz val="11"/>
        <rFont val="Arial"/>
        <family val="2"/>
      </rPr>
      <t>-1,3-</t>
    </r>
    <r>
      <rPr>
        <sz val="11"/>
        <rFont val="ＭＳ Ｐゴシック"/>
        <family val="3"/>
        <charset val="128"/>
      </rPr>
      <t>ジエン（</t>
    </r>
    <r>
      <rPr>
        <sz val="11"/>
        <rFont val="Arial"/>
        <family val="2"/>
      </rPr>
      <t>HCBD</t>
    </r>
    <r>
      <rPr>
        <sz val="11"/>
        <rFont val="ＭＳ Ｐゴシック"/>
        <family val="3"/>
        <charset val="128"/>
      </rPr>
      <t>）／</t>
    </r>
    <r>
      <rPr>
        <sz val="9"/>
        <rFont val="Arial"/>
        <family val="2"/>
      </rPr>
      <t>Hexachlorobutadiene (HCBD)</t>
    </r>
    <phoneticPr fontId="9"/>
  </si>
  <si>
    <t>塩素系溶剤の製造における副生成物としてのHCBDの非意図的な生成として含有している／</t>
    <rPh sb="0" eb="3">
      <t>エンソケイ</t>
    </rPh>
    <rPh sb="3" eb="5">
      <t>ヨウザイ</t>
    </rPh>
    <rPh sb="6" eb="8">
      <t>セイゾウ</t>
    </rPh>
    <rPh sb="12" eb="13">
      <t>フク</t>
    </rPh>
    <rPh sb="13" eb="16">
      <t>セイセイブツ</t>
    </rPh>
    <rPh sb="25" eb="26">
      <t>ヒ</t>
    </rPh>
    <rPh sb="26" eb="29">
      <t>イトテキ</t>
    </rPh>
    <rPh sb="30" eb="32">
      <t>セイセイ</t>
    </rPh>
    <rPh sb="35" eb="37">
      <t>ガンユウ</t>
    </rPh>
    <phoneticPr fontId="9"/>
  </si>
  <si>
    <t>Unintentional production of HCBD as a byproduct in the production of chlorinated solvents.</t>
    <phoneticPr fontId="9"/>
  </si>
  <si>
    <t>Used in commercial or residential building insulation or wiring that otherwise complies with the Construction Codes Supplement, set forth in Title 12 of the District of Columbia Municipal Regulations.</t>
    <phoneticPr fontId="9"/>
  </si>
  <si>
    <r>
      <t>（記入必須）使用されている除外用途／</t>
    </r>
    <r>
      <rPr>
        <sz val="9"/>
        <rFont val="Arial"/>
        <family val="2"/>
      </rPr>
      <t>(Required fields) Applied exemption</t>
    </r>
    <rPh sb="1" eb="3">
      <t>キニュウ</t>
    </rPh>
    <rPh sb="3" eb="5">
      <t>ヒッス</t>
    </rPh>
    <rPh sb="6" eb="8">
      <t>シヨウ</t>
    </rPh>
    <rPh sb="13" eb="15">
      <t>ジョガイ</t>
    </rPh>
    <rPh sb="15" eb="17">
      <t>ヨウト</t>
    </rPh>
    <phoneticPr fontId="9"/>
  </si>
  <si>
    <r>
      <t>2,4,6-</t>
    </r>
    <r>
      <rPr>
        <sz val="11"/>
        <rFont val="ＭＳ Ｐゴシック"/>
        <family val="3"/>
        <charset val="128"/>
      </rPr>
      <t>トリ</t>
    </r>
    <r>
      <rPr>
        <sz val="11"/>
        <rFont val="Arial"/>
        <family val="2"/>
      </rPr>
      <t>-tert-</t>
    </r>
    <r>
      <rPr>
        <sz val="11"/>
        <rFont val="ＭＳ Ｐゴシック"/>
        <family val="3"/>
        <charset val="128"/>
      </rPr>
      <t>ブチルフェノール（</t>
    </r>
    <r>
      <rPr>
        <sz val="11"/>
        <rFont val="Arial"/>
        <family val="2"/>
      </rPr>
      <t>2,4,6-TTBP</t>
    </r>
    <r>
      <rPr>
        <sz val="11"/>
        <rFont val="ＭＳ Ｐゴシック"/>
        <family val="3"/>
        <charset val="128"/>
      </rPr>
      <t>）／</t>
    </r>
    <phoneticPr fontId="9"/>
  </si>
  <si>
    <r>
      <t>2,4,6-</t>
    </r>
    <r>
      <rPr>
        <sz val="11"/>
        <rFont val="ＭＳ Ｐゴシック"/>
        <family val="3"/>
        <charset val="128"/>
      </rPr>
      <t>トリ</t>
    </r>
    <r>
      <rPr>
        <sz val="11"/>
        <rFont val="Arial"/>
        <family val="2"/>
      </rPr>
      <t>-tert-</t>
    </r>
    <r>
      <rPr>
        <sz val="11"/>
        <rFont val="ＭＳ Ｐゴシック"/>
        <family val="3"/>
        <charset val="128"/>
      </rPr>
      <t>ブチルフェノール（</t>
    </r>
    <r>
      <rPr>
        <sz val="11"/>
        <rFont val="Arial"/>
        <family val="2"/>
      </rPr>
      <t>2,4,6-TTBP</t>
    </r>
    <r>
      <rPr>
        <sz val="11"/>
        <rFont val="ＭＳ Ｐゴシック"/>
        <family val="3"/>
        <charset val="128"/>
      </rPr>
      <t>）／</t>
    </r>
    <r>
      <rPr>
        <sz val="9"/>
        <rFont val="Arial"/>
        <family val="2"/>
      </rPr>
      <t>2,4,6-tris(tert-butyl)phenol (2,4,6-TTBP)</t>
    </r>
    <phoneticPr fontId="9"/>
  </si>
  <si>
    <r>
      <t xml:space="preserve">使用可／
</t>
    </r>
    <r>
      <rPr>
        <sz val="9"/>
        <rFont val="Arial"/>
        <family val="2"/>
      </rPr>
      <t>Usable</t>
    </r>
    <phoneticPr fontId="9"/>
  </si>
  <si>
    <r>
      <t xml:space="preserve">4,4'-isopropylidenediphenol </t>
    </r>
    <r>
      <rPr>
        <sz val="9"/>
        <rFont val="ＭＳ Ｐゴシック"/>
        <family val="3"/>
        <charset val="128"/>
      </rPr>
      <t>（</t>
    </r>
    <r>
      <rPr>
        <sz val="9"/>
        <rFont val="Arial"/>
        <family val="2"/>
      </rPr>
      <t>Bisphenol A</t>
    </r>
    <r>
      <rPr>
        <sz val="9"/>
        <rFont val="ＭＳ Ｐゴシック"/>
        <family val="3"/>
        <charset val="128"/>
      </rPr>
      <t>）</t>
    </r>
    <phoneticPr fontId="9"/>
  </si>
  <si>
    <r>
      <t>4,4'-</t>
    </r>
    <r>
      <rPr>
        <sz val="11"/>
        <rFont val="ＭＳ Ｐゴシック"/>
        <family val="3"/>
        <charset val="128"/>
      </rPr>
      <t>プロパン</t>
    </r>
    <r>
      <rPr>
        <sz val="11"/>
        <rFont val="Arial"/>
        <family val="2"/>
      </rPr>
      <t>-2,2-</t>
    </r>
    <r>
      <rPr>
        <sz val="11"/>
        <rFont val="ＭＳ Ｐゴシック"/>
        <family val="3"/>
        <charset val="128"/>
      </rPr>
      <t>ジイルジフェノール（ビスフェノール</t>
    </r>
    <r>
      <rPr>
        <sz val="11"/>
        <rFont val="Arial"/>
        <family val="2"/>
      </rPr>
      <t>A</t>
    </r>
    <r>
      <rPr>
        <sz val="11"/>
        <rFont val="ＭＳ Ｐゴシック"/>
        <family val="3"/>
        <charset val="128"/>
      </rPr>
      <t>）／</t>
    </r>
    <r>
      <rPr>
        <sz val="9"/>
        <rFont val="Arial"/>
        <family val="2"/>
      </rPr>
      <t xml:space="preserve">4,4'-isopropylidenediphenol </t>
    </r>
    <r>
      <rPr>
        <sz val="9"/>
        <rFont val="ＭＳ Ｐゴシック"/>
        <family val="3"/>
        <charset val="128"/>
      </rPr>
      <t>（</t>
    </r>
    <r>
      <rPr>
        <sz val="9"/>
        <rFont val="Arial"/>
        <family val="2"/>
      </rPr>
      <t>Bisphenol A</t>
    </r>
    <r>
      <rPr>
        <sz val="9"/>
        <rFont val="ＭＳ Ｐゴシック"/>
        <family val="3"/>
        <charset val="128"/>
      </rPr>
      <t>）</t>
    </r>
    <phoneticPr fontId="9"/>
  </si>
  <si>
    <r>
      <rPr>
        <sz val="11"/>
        <rFont val="ＭＳ Ｐゴシック"/>
        <family val="3"/>
        <charset val="128"/>
      </rPr>
      <t>ビス</t>
    </r>
    <r>
      <rPr>
        <sz val="11"/>
        <rFont val="Arial"/>
        <family val="2"/>
      </rPr>
      <t>(4-</t>
    </r>
    <r>
      <rPr>
        <sz val="11"/>
        <rFont val="ＭＳ Ｐゴシック"/>
        <family val="3"/>
        <charset val="128"/>
      </rPr>
      <t>ヒドロキシフェニル</t>
    </r>
    <r>
      <rPr>
        <sz val="11"/>
        <rFont val="Arial"/>
        <family val="2"/>
      </rPr>
      <t>)</t>
    </r>
    <r>
      <rPr>
        <sz val="11"/>
        <rFont val="ＭＳ Ｐゴシック"/>
        <family val="3"/>
        <charset val="128"/>
      </rPr>
      <t>スルホン
（ビスフェノール</t>
    </r>
    <r>
      <rPr>
        <sz val="11"/>
        <rFont val="Arial"/>
        <family val="2"/>
      </rPr>
      <t>S</t>
    </r>
    <r>
      <rPr>
        <sz val="11"/>
        <rFont val="ＭＳ Ｐゴシック"/>
        <family val="3"/>
        <charset val="128"/>
      </rPr>
      <t>）／</t>
    </r>
    <phoneticPr fontId="9"/>
  </si>
  <si>
    <r>
      <t xml:space="preserve">4,4'-sulfonyldiphenol </t>
    </r>
    <r>
      <rPr>
        <sz val="9"/>
        <rFont val="ＭＳ Ｐゴシック"/>
        <family val="3"/>
        <charset val="128"/>
      </rPr>
      <t>（</t>
    </r>
    <r>
      <rPr>
        <sz val="9"/>
        <rFont val="Arial"/>
        <family val="2"/>
      </rPr>
      <t>Bisphenol S</t>
    </r>
    <r>
      <rPr>
        <sz val="9"/>
        <rFont val="ＭＳ Ｐゴシック"/>
        <family val="3"/>
        <charset val="128"/>
      </rPr>
      <t>）</t>
    </r>
    <phoneticPr fontId="9"/>
  </si>
  <si>
    <r>
      <rPr>
        <sz val="11"/>
        <rFont val="ＭＳ Ｐゴシック"/>
        <family val="3"/>
        <charset val="128"/>
      </rPr>
      <t>ビス</t>
    </r>
    <r>
      <rPr>
        <sz val="11"/>
        <rFont val="Arial"/>
        <family val="2"/>
      </rPr>
      <t>(4-</t>
    </r>
    <r>
      <rPr>
        <sz val="11"/>
        <rFont val="ＭＳ Ｐゴシック"/>
        <family val="3"/>
        <charset val="128"/>
      </rPr>
      <t>ヒドロキシフェニル</t>
    </r>
    <r>
      <rPr>
        <sz val="11"/>
        <rFont val="Arial"/>
        <family val="2"/>
      </rPr>
      <t>)</t>
    </r>
    <r>
      <rPr>
        <sz val="11"/>
        <rFont val="ＭＳ Ｐゴシック"/>
        <family val="3"/>
        <charset val="128"/>
      </rPr>
      <t>スルホン
（ビスフェノール</t>
    </r>
    <r>
      <rPr>
        <sz val="11"/>
        <rFont val="Arial"/>
        <family val="2"/>
      </rPr>
      <t>S</t>
    </r>
    <r>
      <rPr>
        <sz val="11"/>
        <rFont val="ＭＳ Ｐゴシック"/>
        <family val="3"/>
        <charset val="128"/>
      </rPr>
      <t>）／</t>
    </r>
    <r>
      <rPr>
        <sz val="9"/>
        <rFont val="Arial"/>
        <family val="2"/>
      </rPr>
      <t xml:space="preserve">4,4'-sulfonyldiphenol </t>
    </r>
    <r>
      <rPr>
        <sz val="9"/>
        <rFont val="ＭＳ Ｐゴシック"/>
        <family val="3"/>
        <charset val="128"/>
      </rPr>
      <t>（</t>
    </r>
    <r>
      <rPr>
        <sz val="9"/>
        <rFont val="Arial"/>
        <family val="2"/>
      </rPr>
      <t>Bisphenol S</t>
    </r>
    <r>
      <rPr>
        <sz val="9"/>
        <rFont val="ＭＳ Ｐゴシック"/>
        <family val="3"/>
        <charset val="128"/>
      </rPr>
      <t>）</t>
    </r>
    <phoneticPr fontId="9"/>
  </si>
  <si>
    <r>
      <t>下記（</t>
    </r>
    <r>
      <rPr>
        <sz val="11"/>
        <rFont val="Arial"/>
        <family val="2"/>
      </rPr>
      <t>2</t>
    </r>
    <r>
      <rPr>
        <sz val="11"/>
        <rFont val="ＭＳ Ｐゴシック"/>
        <family val="3"/>
        <charset val="128"/>
      </rPr>
      <t>）～（</t>
    </r>
    <r>
      <rPr>
        <sz val="11"/>
        <rFont val="Arial"/>
        <family val="2"/>
      </rPr>
      <t>3</t>
    </r>
    <r>
      <rPr>
        <sz val="11"/>
        <rFont val="ＭＳ Ｐゴシック"/>
        <family val="3"/>
        <charset val="128"/>
      </rPr>
      <t>）に該当しない条件で使用されている／</t>
    </r>
    <r>
      <rPr>
        <sz val="9"/>
        <rFont val="Arial"/>
        <family val="2"/>
      </rPr>
      <t>Used under conditions that do not correspond to following (2)-(3).</t>
    </r>
    <rPh sb="0" eb="2">
      <t>カキ</t>
    </rPh>
    <rPh sb="10" eb="12">
      <t>ガイトウ</t>
    </rPh>
    <rPh sb="15" eb="17">
      <t>ジョウケン</t>
    </rPh>
    <rPh sb="18" eb="20">
      <t>シヨウ</t>
    </rPh>
    <phoneticPr fontId="9"/>
  </si>
  <si>
    <r>
      <rPr>
        <sz val="11"/>
        <rFont val="ＭＳ Ｐゴシック"/>
        <family val="3"/>
        <charset val="128"/>
      </rPr>
      <t>感熱紙以外の用途に使用されている／</t>
    </r>
    <r>
      <rPr>
        <sz val="9"/>
        <rFont val="Arial"/>
        <family val="2"/>
      </rPr>
      <t>Used for other than thermal paper.</t>
    </r>
    <rPh sb="0" eb="3">
      <t>カンネツシ</t>
    </rPh>
    <rPh sb="3" eb="5">
      <t>イガイ</t>
    </rPh>
    <rPh sb="6" eb="8">
      <t>ヨウト</t>
    </rPh>
    <rPh sb="9" eb="11">
      <t>シヨウ</t>
    </rPh>
    <phoneticPr fontId="9"/>
  </si>
  <si>
    <t>（感熱紙用途に0.02wt%以上の含有において、）仕向地限定の製品に採用されるものであり、SDPの採用決定部門の許可を得ている／</t>
    <rPh sb="1" eb="4">
      <t>カンネツシ</t>
    </rPh>
    <rPh sb="4" eb="6">
      <t>ヨウト</t>
    </rPh>
    <rPh sb="14" eb="16">
      <t>イジョウ</t>
    </rPh>
    <rPh sb="17" eb="19">
      <t>ガンユウ</t>
    </rPh>
    <rPh sb="25" eb="27">
      <t>シム</t>
    </rPh>
    <rPh sb="27" eb="28">
      <t>チ</t>
    </rPh>
    <rPh sb="28" eb="30">
      <t>ゲンテイ</t>
    </rPh>
    <rPh sb="31" eb="33">
      <t>セイヒン</t>
    </rPh>
    <rPh sb="34" eb="36">
      <t>サイヨウ</t>
    </rPh>
    <rPh sb="49" eb="51">
      <t>サイヨウ</t>
    </rPh>
    <rPh sb="51" eb="53">
      <t>ケッテイ</t>
    </rPh>
    <rPh sb="53" eb="55">
      <t>ブモン</t>
    </rPh>
    <rPh sb="56" eb="58">
      <t>キョカ</t>
    </rPh>
    <rPh sb="59" eb="60">
      <t>エ</t>
    </rPh>
    <phoneticPr fontId="9"/>
  </si>
  <si>
    <t>(Used in thermal paper, containing equal to or greater than 0.02wt%) and used for products with a limited destination and having permission from adoption decision.</t>
    <phoneticPr fontId="9"/>
  </si>
  <si>
    <t xml:space="preserve">使用禁止／
</t>
    <phoneticPr fontId="9"/>
  </si>
  <si>
    <t>Banned</t>
    <phoneticPr fontId="9"/>
  </si>
  <si>
    <r>
      <t>100cm2</t>
    </r>
    <r>
      <rPr>
        <sz val="11"/>
        <rFont val="ＭＳ Ｐゴシック"/>
        <family val="3"/>
        <charset val="128"/>
      </rPr>
      <t>超のスクリーンを有するテレビ、モニター及びデジタルサイネージディスプレイを含む電子ディスプレイの筐体及びスタンドの均質材料中のハロゲン系難燃剤に起因するハロゲン元素の合計が、0.1wt％超の含有である／</t>
    </r>
    <rPh sb="6" eb="7">
      <t>チョウ</t>
    </rPh>
    <rPh sb="14" eb="15">
      <t>ユウ</t>
    </rPh>
    <rPh sb="25" eb="26">
      <t>オヨ</t>
    </rPh>
    <rPh sb="43" eb="44">
      <t>フク</t>
    </rPh>
    <rPh sb="45" eb="47">
      <t>デンシ</t>
    </rPh>
    <rPh sb="54" eb="56">
      <t>キョウタイ</t>
    </rPh>
    <rPh sb="56" eb="57">
      <t>オヨ</t>
    </rPh>
    <rPh sb="63" eb="65">
      <t>キンシツ</t>
    </rPh>
    <rPh sb="65" eb="68">
      <t>ザイリョウチュウ</t>
    </rPh>
    <rPh sb="73" eb="74">
      <t>ケイ</t>
    </rPh>
    <rPh sb="74" eb="77">
      <t>ナンネンザイ</t>
    </rPh>
    <rPh sb="78" eb="80">
      <t>キイン</t>
    </rPh>
    <rPh sb="86" eb="88">
      <t>ゲンソ</t>
    </rPh>
    <rPh sb="89" eb="91">
      <t>ゴウケイ</t>
    </rPh>
    <rPh sb="99" eb="100">
      <t>チョウ</t>
    </rPh>
    <rPh sb="101" eb="103">
      <t>ガンユウ</t>
    </rPh>
    <phoneticPr fontId="9"/>
  </si>
  <si>
    <t>Used in enclosure and stand of electronic displays including televisions, monitors and digital signage displays with ascreen area over 100cm2, Total content of halogen elements attributed to the halogenated flame retardants in the homogeneous material is over 0.1wt%.</t>
    <phoneticPr fontId="9"/>
  </si>
  <si>
    <t>- 3/3 -</t>
    <phoneticPr fontId="9"/>
  </si>
  <si>
    <r>
      <rPr>
        <sz val="10"/>
        <rFont val="Arial Unicode MS"/>
        <family val="3"/>
        <charset val="128"/>
      </rPr>
      <t xml:space="preserve">   Not Applicable</t>
    </r>
    <r>
      <rPr>
        <sz val="10"/>
        <rFont val="ＭＳ Ｐゴシック"/>
        <family val="3"/>
        <charset val="128"/>
      </rPr>
      <t>の場合は対象となる化学物質の</t>
    </r>
    <r>
      <rPr>
        <sz val="10"/>
        <rFont val="Arial"/>
        <family val="2"/>
      </rPr>
      <t>CAS</t>
    </r>
    <r>
      <rPr>
        <sz val="10"/>
        <rFont val="ＭＳ Ｐゴシック"/>
        <family val="3"/>
        <charset val="128"/>
      </rPr>
      <t>登録番号または化学物質名を</t>
    </r>
    <r>
      <rPr>
        <sz val="10"/>
        <rFont val="Arial"/>
        <family val="2"/>
      </rPr>
      <t>C-</t>
    </r>
    <r>
      <rPr>
        <sz val="10"/>
        <rFont val="ＭＳ Ｐゴシック"/>
        <family val="3"/>
        <charset val="128"/>
      </rPr>
      <t>別表に記載してください。／
　</t>
    </r>
    <r>
      <rPr>
        <sz val="10"/>
        <rFont val="Arial"/>
        <family val="2"/>
      </rPr>
      <t>In case of Not Applicable, enter the CAS RN or chemical substance name of tha target chemical substance in the C-Appendix.</t>
    </r>
    <phoneticPr fontId="9"/>
  </si>
  <si>
    <r>
      <rPr>
        <sz val="11"/>
        <rFont val="ＭＳ Ｐゴシック"/>
        <family val="3"/>
        <charset val="128"/>
      </rPr>
      <t>アンチモン及びその化合物／</t>
    </r>
    <r>
      <rPr>
        <sz val="11"/>
        <rFont val="Arial"/>
        <family val="2"/>
      </rPr>
      <t>Antimony and its compounds</t>
    </r>
    <phoneticPr fontId="9"/>
  </si>
  <si>
    <r>
      <rPr>
        <sz val="11"/>
        <rFont val="ＭＳ Ｐゴシック"/>
        <family val="3"/>
        <charset val="128"/>
      </rPr>
      <t>ノニルフェノール化合物及びそのエトキシレート／</t>
    </r>
    <r>
      <rPr>
        <sz val="11"/>
        <rFont val="Arial"/>
        <family val="2"/>
      </rPr>
      <t>Nonylphenol compounds and its ethoxylate</t>
    </r>
    <phoneticPr fontId="9"/>
  </si>
  <si>
    <t>Banned</t>
    <phoneticPr fontId="9"/>
  </si>
  <si>
    <t>使用禁止／</t>
    <phoneticPr fontId="9"/>
  </si>
  <si>
    <r>
      <t>繊維製品／</t>
    </r>
    <r>
      <rPr>
        <sz val="11"/>
        <rFont val="Arial"/>
        <family val="2"/>
      </rPr>
      <t>textile article.</t>
    </r>
    <rPh sb="0" eb="2">
      <t>センイ</t>
    </rPh>
    <rPh sb="2" eb="4">
      <t>セイヒン</t>
    </rPh>
    <phoneticPr fontId="9"/>
  </si>
  <si>
    <r>
      <rPr>
        <sz val="11"/>
        <rFont val="ＭＳ Ｐゴシック"/>
        <family val="3"/>
        <charset val="128"/>
      </rPr>
      <t>直接皮膚に触れない用途での使用／</t>
    </r>
    <r>
      <rPr>
        <sz val="11"/>
        <rFont val="Arial"/>
        <family val="2"/>
      </rPr>
      <t>Used in the applications that do not directly touch the skin.</t>
    </r>
    <rPh sb="0" eb="2">
      <t>チョクセツ</t>
    </rPh>
    <rPh sb="2" eb="4">
      <t>ヒフ</t>
    </rPh>
    <rPh sb="5" eb="6">
      <t>フ</t>
    </rPh>
    <rPh sb="9" eb="11">
      <t>ヨウト</t>
    </rPh>
    <rPh sb="13" eb="15">
      <t>シヨウ</t>
    </rPh>
    <phoneticPr fontId="9"/>
  </si>
  <si>
    <r>
      <rPr>
        <sz val="11"/>
        <rFont val="ＭＳ Ｐゴシック"/>
        <family val="3"/>
        <charset val="128"/>
      </rPr>
      <t>包装材への使用／</t>
    </r>
    <r>
      <rPr>
        <sz val="11"/>
        <rFont val="Arial"/>
        <family val="2"/>
      </rPr>
      <t>Used in packaging part</t>
    </r>
    <rPh sb="0" eb="2">
      <t>ホウソウ</t>
    </rPh>
    <rPh sb="2" eb="3">
      <t>ザイ</t>
    </rPh>
    <rPh sb="5" eb="7">
      <t>シヨウ</t>
    </rPh>
    <phoneticPr fontId="9"/>
  </si>
  <si>
    <r>
      <t>(1)</t>
    </r>
    <r>
      <rPr>
        <sz val="11"/>
        <rFont val="ＭＳ Ｐゴシック"/>
        <family val="3"/>
        <charset val="128"/>
      </rPr>
      <t>以外／</t>
    </r>
    <r>
      <rPr>
        <sz val="11"/>
        <rFont val="Arial"/>
        <family val="2"/>
      </rPr>
      <t>Used in every application other than the above item (1)</t>
    </r>
    <rPh sb="3" eb="5">
      <t>イガイ</t>
    </rPh>
    <phoneticPr fontId="9"/>
  </si>
  <si>
    <r>
      <rPr>
        <sz val="11"/>
        <rFont val="ＭＳ Ｐゴシック"/>
        <family val="3"/>
        <charset val="128"/>
      </rPr>
      <t>特定顧客向け部材・材料</t>
    </r>
    <r>
      <rPr>
        <sz val="11"/>
        <rFont val="Arial"/>
        <family val="2"/>
      </rPr>
      <t xml:space="preserve"> *12</t>
    </r>
    <r>
      <rPr>
        <sz val="11"/>
        <rFont val="ＭＳ Ｐゴシック"/>
        <family val="3"/>
        <charset val="128"/>
      </rPr>
      <t>）／</t>
    </r>
    <r>
      <rPr>
        <sz val="11"/>
        <rFont val="Arial"/>
        <family val="2"/>
      </rPr>
      <t>Part/material for the specific customer</t>
    </r>
    <rPh sb="0" eb="2">
      <t>トクテイ</t>
    </rPh>
    <rPh sb="2" eb="4">
      <t>コキャク</t>
    </rPh>
    <rPh sb="4" eb="5">
      <t>ム</t>
    </rPh>
    <rPh sb="6" eb="8">
      <t>ブザイ</t>
    </rPh>
    <rPh sb="9" eb="11">
      <t>ザイリョウ</t>
    </rPh>
    <phoneticPr fontId="9"/>
  </si>
  <si>
    <r>
      <t>(1)</t>
    </r>
    <r>
      <rPr>
        <sz val="11"/>
        <rFont val="ＭＳ Ｐゴシック"/>
        <family val="3"/>
        <charset val="128"/>
      </rPr>
      <t>以外</t>
    </r>
    <r>
      <rPr>
        <sz val="11"/>
        <rFont val="ＭＳ Ｐゴシック"/>
        <family val="3"/>
        <charset val="128"/>
      </rPr>
      <t>／</t>
    </r>
    <r>
      <rPr>
        <sz val="11"/>
        <rFont val="Arial"/>
        <family val="2"/>
      </rPr>
      <t>Used in every application other than the above item (1)</t>
    </r>
    <rPh sb="3" eb="5">
      <t>イガイ</t>
    </rPh>
    <phoneticPr fontId="9"/>
  </si>
  <si>
    <r>
      <rPr>
        <sz val="11"/>
        <rFont val="ＭＳ Ｐゴシック"/>
        <family val="3"/>
        <charset val="128"/>
      </rPr>
      <t>法で定める制限用途ではなく、かつ成形品中に残留しており、その残留含有率が製品全体質量に対して</t>
    </r>
    <r>
      <rPr>
        <sz val="11"/>
        <rFont val="Arial"/>
        <family val="2"/>
      </rPr>
      <t>0.1wt</t>
    </r>
    <r>
      <rPr>
        <sz val="11"/>
        <rFont val="ＭＳ Ｐゴシック"/>
        <family val="3"/>
        <charset val="128"/>
      </rPr>
      <t xml:space="preserve">％未満の場合／
</t>
    </r>
    <r>
      <rPr>
        <sz val="9"/>
        <rFont val="Arial"/>
        <family val="2"/>
      </rPr>
      <t>Remained in the article and the residual content  is less than 0.1 wt% with respect to the total mass of the product.</t>
    </r>
    <rPh sb="0" eb="1">
      <t>ホウ</t>
    </rPh>
    <rPh sb="2" eb="3">
      <t>サダ</t>
    </rPh>
    <rPh sb="5" eb="7">
      <t>セイゲン</t>
    </rPh>
    <rPh sb="7" eb="9">
      <t>ヨウト</t>
    </rPh>
    <phoneticPr fontId="9"/>
  </si>
  <si>
    <r>
      <rPr>
        <sz val="11"/>
        <rFont val="ＭＳ Ｐゴシック"/>
        <family val="3"/>
        <charset val="128"/>
      </rPr>
      <t>法で定める制限用途ではなく、かつ成形品中に残留しており、その残留含有率が製品全体の質量に対して</t>
    </r>
    <r>
      <rPr>
        <sz val="11"/>
        <rFont val="Arial"/>
        <family val="2"/>
      </rPr>
      <t>0.1wt</t>
    </r>
    <r>
      <rPr>
        <sz val="11"/>
        <rFont val="ＭＳ Ｐゴシック"/>
        <family val="3"/>
        <charset val="128"/>
      </rPr>
      <t xml:space="preserve">％以上の場合でかつ代替化困難な場合／
</t>
    </r>
    <r>
      <rPr>
        <sz val="9"/>
        <rFont val="Arial"/>
        <family val="2"/>
      </rPr>
      <t>Remained in the article, the residual content  is 0.1 wt% or more with respect to the total mass of the product, and it is difficult to substitute.</t>
    </r>
    <rPh sb="0" eb="1">
      <t>ホウ</t>
    </rPh>
    <rPh sb="2" eb="3">
      <t>サダ</t>
    </rPh>
    <rPh sb="5" eb="7">
      <t>セイゲン</t>
    </rPh>
    <rPh sb="7" eb="9">
      <t>ヨウト</t>
    </rPh>
    <phoneticPr fontId="9"/>
  </si>
  <si>
    <r>
      <t>*12</t>
    </r>
    <r>
      <rPr>
        <sz val="9"/>
        <rFont val="ＭＳ Ｐゴシック"/>
        <family val="3"/>
        <charset val="128"/>
      </rPr>
      <t>）</t>
    </r>
    <r>
      <rPr>
        <sz val="9"/>
        <rFont val="Arial"/>
        <family val="2"/>
      </rPr>
      <t xml:space="preserve"> </t>
    </r>
    <r>
      <rPr>
        <sz val="9"/>
        <rFont val="ＭＳ Ｐゴシック"/>
        <family val="3"/>
        <charset val="128"/>
      </rPr>
      <t>特定顧客向け部材・材料かは採用部門に確認願います。／</t>
    </r>
    <r>
      <rPr>
        <sz val="9"/>
        <rFont val="Arial"/>
        <family val="2"/>
      </rPr>
      <t>Please confirm whether it is that for the specific customer to the part/material adopted division.</t>
    </r>
    <rPh sb="5" eb="7">
      <t>トクテイ</t>
    </rPh>
    <rPh sb="7" eb="9">
      <t>コキャク</t>
    </rPh>
    <rPh sb="9" eb="10">
      <t>ム</t>
    </rPh>
    <rPh sb="11" eb="13">
      <t>ブザイ</t>
    </rPh>
    <rPh sb="14" eb="16">
      <t>ザイリョウ</t>
    </rPh>
    <rPh sb="18" eb="20">
      <t>サイヨウ</t>
    </rPh>
    <rPh sb="20" eb="22">
      <t>ブモン</t>
    </rPh>
    <rPh sb="23" eb="25">
      <t>カクニン</t>
    </rPh>
    <rPh sb="25" eb="26">
      <t>ネガ</t>
    </rPh>
    <phoneticPr fontId="9"/>
  </si>
  <si>
    <r>
      <t>*12</t>
    </r>
    <r>
      <rPr>
        <sz val="9"/>
        <rFont val="ＭＳ Ｐゴシック"/>
        <family val="3"/>
        <charset val="128"/>
      </rPr>
      <t>）　特定顧客向け部材・材料かは採用部門に確認願います。／</t>
    </r>
    <r>
      <rPr>
        <sz val="9"/>
        <rFont val="Arial"/>
        <family val="2"/>
      </rPr>
      <t>Please confirm whether it is that for the specific customer to the part/material adopted division.</t>
    </r>
    <rPh sb="5" eb="7">
      <t>トクテイ</t>
    </rPh>
    <rPh sb="7" eb="9">
      <t>コキャク</t>
    </rPh>
    <rPh sb="9" eb="10">
      <t>ム</t>
    </rPh>
    <rPh sb="11" eb="13">
      <t>ブザイ</t>
    </rPh>
    <rPh sb="14" eb="16">
      <t>ザイリョウ</t>
    </rPh>
    <rPh sb="18" eb="20">
      <t>サイヨウ</t>
    </rPh>
    <rPh sb="20" eb="22">
      <t>ブモン</t>
    </rPh>
    <rPh sb="23" eb="25">
      <t>カクニン</t>
    </rPh>
    <rPh sb="25" eb="26">
      <t>ネガ</t>
    </rPh>
    <phoneticPr fontId="9"/>
  </si>
  <si>
    <r>
      <rPr>
        <sz val="11"/>
        <rFont val="ＭＳ Ｐゴシック"/>
        <family val="3"/>
        <charset val="128"/>
      </rPr>
      <t>含有率が</t>
    </r>
    <r>
      <rPr>
        <sz val="11"/>
        <rFont val="Arial"/>
        <family val="2"/>
      </rPr>
      <t>1000ppm</t>
    </r>
    <r>
      <rPr>
        <sz val="11"/>
        <rFont val="ＭＳ Ｐゴシック"/>
        <family val="3"/>
        <charset val="128"/>
      </rPr>
      <t>未満。／</t>
    </r>
    <r>
      <rPr>
        <sz val="11"/>
        <rFont val="Arial"/>
        <family val="2"/>
      </rPr>
      <t>The content of Antimony trioxide is less than 1000ppm.</t>
    </r>
    <rPh sb="0" eb="2">
      <t>ガンユウ</t>
    </rPh>
    <rPh sb="2" eb="3">
      <t>リツ</t>
    </rPh>
    <rPh sb="11" eb="13">
      <t>ミマン</t>
    </rPh>
    <phoneticPr fontId="81"/>
  </si>
  <si>
    <r>
      <rPr>
        <sz val="11"/>
        <rFont val="ＭＳ Ｐゴシック"/>
        <family val="3"/>
        <charset val="128"/>
      </rPr>
      <t>意図的に添加していない。／</t>
    </r>
    <r>
      <rPr>
        <sz val="11"/>
        <rFont val="Arial"/>
        <family val="2"/>
      </rPr>
      <t>Not intentionally added.</t>
    </r>
    <rPh sb="0" eb="3">
      <t>イトテキ</t>
    </rPh>
    <rPh sb="4" eb="6">
      <t>テンカ</t>
    </rPh>
    <phoneticPr fontId="81"/>
  </si>
  <si>
    <r>
      <t>*9)REACH</t>
    </r>
    <r>
      <rPr>
        <sz val="10"/>
        <rFont val="ＭＳ Ｐゴシック"/>
        <family val="3"/>
        <charset val="128"/>
      </rPr>
      <t>規則</t>
    </r>
    <r>
      <rPr>
        <sz val="10"/>
        <rFont val="Arial"/>
        <family val="2"/>
      </rPr>
      <t>SVHC</t>
    </r>
    <r>
      <rPr>
        <sz val="10"/>
        <rFont val="ＭＳ Ｐゴシック"/>
        <family val="3"/>
        <charset val="128"/>
      </rPr>
      <t>の含有率は最小構成部品比　その他は均質材料比で報告して下さい。／</t>
    </r>
    <r>
      <rPr>
        <sz val="10"/>
        <rFont val="Arial"/>
        <family val="2"/>
      </rPr>
      <t xml:space="preserve">
      Please report the content of REACH reguration SVHC as the minimum component ratio, and the other as homogeneous material ratio.</t>
    </r>
    <rPh sb="8" eb="10">
      <t>キソク</t>
    </rPh>
    <rPh sb="15" eb="18">
      <t>ガンユウリツ</t>
    </rPh>
    <rPh sb="19" eb="21">
      <t>サイショウ</t>
    </rPh>
    <rPh sb="21" eb="23">
      <t>コウセイ</t>
    </rPh>
    <rPh sb="23" eb="25">
      <t>ブヒン</t>
    </rPh>
    <rPh sb="25" eb="26">
      <t>ヒ</t>
    </rPh>
    <rPh sb="29" eb="30">
      <t>タ</t>
    </rPh>
    <rPh sb="31" eb="33">
      <t>キンシツ</t>
    </rPh>
    <rPh sb="33" eb="35">
      <t>ザイリョウ</t>
    </rPh>
    <rPh sb="35" eb="36">
      <t>ヒ</t>
    </rPh>
    <rPh sb="37" eb="39">
      <t>ホウコク</t>
    </rPh>
    <rPh sb="41" eb="42">
      <t>クダ</t>
    </rPh>
    <phoneticPr fontId="9"/>
  </si>
  <si>
    <r>
      <t>REACH規則高懸念物質（SVHC）／</t>
    </r>
    <r>
      <rPr>
        <sz val="11"/>
        <rFont val="Arial"/>
        <family val="2"/>
      </rPr>
      <t xml:space="preserve">REACH Regulation </t>
    </r>
    <r>
      <rPr>
        <sz val="11"/>
        <rFont val="ＭＳ Ｐゴシック"/>
        <family val="3"/>
        <charset val="128"/>
      </rPr>
      <t>［</t>
    </r>
    <r>
      <rPr>
        <sz val="11"/>
        <rFont val="Arial"/>
        <family val="2"/>
      </rPr>
      <t>substances of very high concern (SVHC)</t>
    </r>
    <r>
      <rPr>
        <sz val="11"/>
        <rFont val="ＭＳ Ｐゴシック"/>
        <family val="3"/>
        <charset val="128"/>
      </rPr>
      <t>］</t>
    </r>
    <r>
      <rPr>
        <sz val="11"/>
        <rFont val="Arial"/>
        <family val="2"/>
      </rPr>
      <t>*10)</t>
    </r>
    <rPh sb="5" eb="7">
      <t>キソク</t>
    </rPh>
    <rPh sb="7" eb="8">
      <t>コウ</t>
    </rPh>
    <rPh sb="8" eb="10">
      <t>ケネン</t>
    </rPh>
    <rPh sb="10" eb="12">
      <t>ブッシツ</t>
    </rPh>
    <phoneticPr fontId="9"/>
  </si>
  <si>
    <r>
      <t>対象となる化学物質のCAS登録番号または化学物質名を記載してください／</t>
    </r>
    <r>
      <rPr>
        <sz val="10"/>
        <rFont val="Arial"/>
        <family val="2"/>
      </rPr>
      <t xml:space="preserve">enter the CAS RN or chemical substance name of the target chemical substance. </t>
    </r>
    <rPh sb="0" eb="2">
      <t>タイショウ</t>
    </rPh>
    <rPh sb="5" eb="7">
      <t>カガク</t>
    </rPh>
    <rPh sb="7" eb="9">
      <t>ブッシツ</t>
    </rPh>
    <rPh sb="13" eb="15">
      <t>トウロク</t>
    </rPh>
    <rPh sb="15" eb="17">
      <t>バンゴウ</t>
    </rPh>
    <rPh sb="20" eb="22">
      <t>カガク</t>
    </rPh>
    <rPh sb="22" eb="24">
      <t>ブッシツ</t>
    </rPh>
    <rPh sb="24" eb="25">
      <t>メイ</t>
    </rPh>
    <rPh sb="26" eb="28">
      <t>キサイ</t>
    </rPh>
    <phoneticPr fontId="9"/>
  </si>
  <si>
    <r>
      <t xml:space="preserve">Ver.12.0 </t>
    </r>
    <r>
      <rPr>
        <b/>
        <sz val="12"/>
        <rFont val="ＭＳ Ｐゴシック"/>
        <family val="3"/>
        <charset val="128"/>
      </rPr>
      <t>からの改定ポイント</t>
    </r>
    <phoneticPr fontId="9"/>
  </si>
  <si>
    <t>Ver.12.0</t>
    <phoneticPr fontId="9"/>
  </si>
  <si>
    <t>Ver.13.0</t>
    <phoneticPr fontId="9"/>
  </si>
  <si>
    <r>
      <t>EU RoHS</t>
    </r>
    <r>
      <rPr>
        <sz val="10"/>
        <rFont val="ＭＳ Ｐゴシック"/>
        <family val="3"/>
        <charset val="128"/>
      </rPr>
      <t>指令</t>
    </r>
    <r>
      <rPr>
        <sz val="10"/>
        <rFont val="Arial"/>
        <family val="2"/>
      </rPr>
      <t xml:space="preserve"> </t>
    </r>
    <r>
      <rPr>
        <sz val="10"/>
        <rFont val="ＭＳ Ｐゴシック"/>
        <family val="3"/>
        <charset val="128"/>
      </rPr>
      <t>除外用途「</t>
    </r>
    <r>
      <rPr>
        <sz val="10"/>
        <rFont val="Arial"/>
        <family val="2"/>
      </rPr>
      <t>7(c)-IV</t>
    </r>
    <r>
      <rPr>
        <sz val="10"/>
        <rFont val="ＭＳ Ｐゴシック"/>
        <family val="3"/>
        <charset val="128"/>
      </rPr>
      <t>」を期限切れのため削除</t>
    </r>
    <rPh sb="10" eb="14">
      <t>ジョガイヨウト</t>
    </rPh>
    <rPh sb="24" eb="26">
      <t>キゲン</t>
    </rPh>
    <rPh sb="26" eb="27">
      <t>ギ</t>
    </rPh>
    <rPh sb="31" eb="33">
      <t>サクジョ</t>
    </rPh>
    <phoneticPr fontId="9"/>
  </si>
  <si>
    <r>
      <rPr>
        <sz val="10"/>
        <rFont val="ＭＳ Ｐゴシック"/>
        <family val="3"/>
        <charset val="128"/>
      </rPr>
      <t>ジブチルスズ化合物（</t>
    </r>
    <r>
      <rPr>
        <sz val="10"/>
        <rFont val="Arial"/>
        <family val="2"/>
      </rPr>
      <t>DBT</t>
    </r>
    <r>
      <rPr>
        <sz val="10"/>
        <rFont val="ＭＳ Ｐゴシック"/>
        <family val="3"/>
        <charset val="128"/>
      </rPr>
      <t>）</t>
    </r>
    <phoneticPr fontId="9"/>
  </si>
  <si>
    <t>-</t>
    <phoneticPr fontId="9"/>
  </si>
  <si>
    <r>
      <rPr>
        <sz val="10"/>
        <rFont val="ＭＳ Ｐゴシック"/>
        <family val="3"/>
        <charset val="128"/>
      </rPr>
      <t>ペンタクロロベンゼンチオール（</t>
    </r>
    <r>
      <rPr>
        <sz val="10"/>
        <rFont val="Arial"/>
        <family val="2"/>
      </rPr>
      <t>PCTP</t>
    </r>
    <r>
      <rPr>
        <sz val="10"/>
        <rFont val="ＭＳ Ｐゴシック"/>
        <family val="3"/>
        <charset val="128"/>
      </rPr>
      <t>）</t>
    </r>
  </si>
  <si>
    <r>
      <rPr>
        <sz val="10"/>
        <rFont val="ＭＳ Ｐゴシック"/>
        <family val="3"/>
        <charset val="128"/>
      </rPr>
      <t>新規追加</t>
    </r>
    <rPh sb="0" eb="2">
      <t>シンキ</t>
    </rPh>
    <rPh sb="2" eb="4">
      <t>ツイカ</t>
    </rPh>
    <phoneticPr fontId="9"/>
  </si>
  <si>
    <r>
      <t>EU POPs</t>
    </r>
    <r>
      <rPr>
        <sz val="10"/>
        <rFont val="ＭＳ Ｐゴシック"/>
        <family val="3"/>
        <charset val="128"/>
      </rPr>
      <t>規則</t>
    </r>
    <r>
      <rPr>
        <sz val="10"/>
        <rFont val="Arial"/>
        <family val="2"/>
      </rPr>
      <t xml:space="preserve"> </t>
    </r>
    <r>
      <rPr>
        <sz val="10"/>
        <rFont val="ＭＳ Ｐゴシック"/>
        <family val="3"/>
        <charset val="128"/>
      </rPr>
      <t>除外用途を期限切れに伴い一部削除</t>
    </r>
    <rPh sb="10" eb="14">
      <t>ジョガイヨウト</t>
    </rPh>
    <rPh sb="15" eb="17">
      <t>キゲン</t>
    </rPh>
    <rPh sb="17" eb="18">
      <t>キ</t>
    </rPh>
    <rPh sb="20" eb="21">
      <t>トモナ</t>
    </rPh>
    <rPh sb="22" eb="24">
      <t>イチブ</t>
    </rPh>
    <rPh sb="24" eb="26">
      <t>サクジョ</t>
    </rPh>
    <phoneticPr fontId="9"/>
  </si>
  <si>
    <r>
      <rPr>
        <sz val="10"/>
        <rFont val="ＭＳ Ｐゴシック"/>
        <family val="3"/>
        <charset val="128"/>
      </rPr>
      <t>－</t>
    </r>
  </si>
  <si>
    <r>
      <rPr>
        <sz val="10"/>
        <rFont val="ＭＳ Ｐゴシック"/>
        <family val="3"/>
        <charset val="128"/>
      </rPr>
      <t>リン酸イソプロピルフェニル（</t>
    </r>
    <r>
      <rPr>
        <sz val="10"/>
        <rFont val="Arial"/>
        <family val="2"/>
      </rPr>
      <t>PIP(3:1)</t>
    </r>
    <r>
      <rPr>
        <sz val="10"/>
        <rFont val="ＭＳ Ｐゴシック"/>
        <family val="3"/>
        <charset val="128"/>
      </rPr>
      <t>）</t>
    </r>
  </si>
  <si>
    <r>
      <rPr>
        <sz val="10"/>
        <rFont val="ＭＳ Ｐゴシック"/>
        <family val="3"/>
        <charset val="128"/>
      </rPr>
      <t>ペルクロロブタ</t>
    </r>
    <r>
      <rPr>
        <sz val="10"/>
        <rFont val="Arial"/>
        <family val="2"/>
      </rPr>
      <t>-1,3-</t>
    </r>
    <r>
      <rPr>
        <sz val="10"/>
        <rFont val="ＭＳ Ｐゴシック"/>
        <family val="3"/>
        <charset val="128"/>
      </rPr>
      <t>ジエン（</t>
    </r>
    <r>
      <rPr>
        <sz val="10"/>
        <rFont val="Arial"/>
        <family val="2"/>
      </rPr>
      <t>HCBD</t>
    </r>
    <r>
      <rPr>
        <sz val="10"/>
        <rFont val="ＭＳ Ｐゴシック"/>
        <family val="3"/>
        <charset val="128"/>
      </rPr>
      <t>）</t>
    </r>
  </si>
  <si>
    <r>
      <t>2,4,6-</t>
    </r>
    <r>
      <rPr>
        <sz val="10"/>
        <rFont val="ＭＳ Ｐゴシック"/>
        <family val="3"/>
        <charset val="128"/>
      </rPr>
      <t>トリ</t>
    </r>
    <r>
      <rPr>
        <sz val="10"/>
        <rFont val="Arial"/>
        <family val="2"/>
      </rPr>
      <t>-tert-</t>
    </r>
    <r>
      <rPr>
        <sz val="10"/>
        <rFont val="ＭＳ Ｐゴシック"/>
        <family val="3"/>
        <charset val="128"/>
      </rPr>
      <t>ブチルフェノール（</t>
    </r>
    <r>
      <rPr>
        <sz val="10"/>
        <rFont val="Arial"/>
        <family val="2"/>
      </rPr>
      <t>2,4,6-TTBP</t>
    </r>
    <r>
      <rPr>
        <sz val="10"/>
        <rFont val="ＭＳ Ｐゴシック"/>
        <family val="3"/>
        <charset val="128"/>
      </rPr>
      <t>）</t>
    </r>
  </si>
  <si>
    <r>
      <t>4,4'-</t>
    </r>
    <r>
      <rPr>
        <sz val="10"/>
        <rFont val="ＭＳ Ｐゴシック"/>
        <family val="3"/>
        <charset val="128"/>
      </rPr>
      <t>プロパン</t>
    </r>
    <r>
      <rPr>
        <sz val="10"/>
        <rFont val="Arial"/>
        <family val="2"/>
      </rPr>
      <t>-2,2-</t>
    </r>
    <r>
      <rPr>
        <sz val="10"/>
        <rFont val="ＭＳ Ｐゴシック"/>
        <family val="3"/>
        <charset val="128"/>
      </rPr>
      <t>ジイルジフェノｰル（ビスフェノール</t>
    </r>
    <r>
      <rPr>
        <sz val="10"/>
        <rFont val="Arial"/>
        <family val="2"/>
      </rPr>
      <t>A</t>
    </r>
    <r>
      <rPr>
        <sz val="10"/>
        <rFont val="ＭＳ Ｐゴシック"/>
        <family val="3"/>
        <charset val="128"/>
      </rPr>
      <t>）</t>
    </r>
  </si>
  <si>
    <r>
      <rPr>
        <sz val="10"/>
        <rFont val="ＭＳ Ｐゴシック"/>
        <family val="3"/>
        <charset val="128"/>
      </rPr>
      <t>ビス</t>
    </r>
    <r>
      <rPr>
        <sz val="10"/>
        <rFont val="Arial"/>
        <family val="2"/>
      </rPr>
      <t>(4-</t>
    </r>
    <r>
      <rPr>
        <sz val="10"/>
        <rFont val="ＭＳ Ｐゴシック"/>
        <family val="3"/>
        <charset val="128"/>
      </rPr>
      <t>ヒドロキシフェニル</t>
    </r>
    <r>
      <rPr>
        <sz val="10"/>
        <rFont val="Arial"/>
        <family val="2"/>
      </rPr>
      <t>)</t>
    </r>
    <r>
      <rPr>
        <sz val="10"/>
        <rFont val="ＭＳ Ｐゴシック"/>
        <family val="3"/>
        <charset val="128"/>
      </rPr>
      <t>スルホン（ビスフェノール</t>
    </r>
    <r>
      <rPr>
        <sz val="10"/>
        <rFont val="Arial"/>
        <family val="2"/>
      </rPr>
      <t>S</t>
    </r>
    <r>
      <rPr>
        <sz val="10"/>
        <rFont val="ＭＳ Ｐゴシック"/>
        <family val="3"/>
        <charset val="128"/>
      </rPr>
      <t>）</t>
    </r>
  </si>
  <si>
    <r>
      <rPr>
        <sz val="10"/>
        <rFont val="ＭＳ Ｐゴシック"/>
        <family val="3"/>
        <charset val="128"/>
      </rPr>
      <t>ハロゲン系難燃剤</t>
    </r>
  </si>
  <si>
    <t>Ver.13.0</t>
    <phoneticPr fontId="9"/>
  </si>
  <si>
    <t>管理対象項目を全面禁止から条件付禁止
に変更</t>
    <rPh sb="7" eb="9">
      <t>ゼンメン</t>
    </rPh>
    <rPh sb="9" eb="11">
      <t>キンシ</t>
    </rPh>
    <phoneticPr fontId="9"/>
  </si>
  <si>
    <t>アンチモン及びその化合物</t>
    <rPh sb="5" eb="6">
      <t>オヨ</t>
    </rPh>
    <rPh sb="9" eb="12">
      <t>カゴウブツ</t>
    </rPh>
    <phoneticPr fontId="9"/>
  </si>
  <si>
    <t>対象物質を三酸化二アンチモンからアンチモン及びその化合物に変更</t>
    <rPh sb="0" eb="2">
      <t>タイショウ</t>
    </rPh>
    <rPh sb="2" eb="4">
      <t>ブッシツ</t>
    </rPh>
    <rPh sb="5" eb="6">
      <t>サン</t>
    </rPh>
    <rPh sb="6" eb="8">
      <t>サンカ</t>
    </rPh>
    <rPh sb="8" eb="9">
      <t>２</t>
    </rPh>
    <rPh sb="21" eb="22">
      <t>オヨ</t>
    </rPh>
    <rPh sb="25" eb="27">
      <t>カゴウ</t>
    </rPh>
    <rPh sb="27" eb="28">
      <t>ブツ</t>
    </rPh>
    <rPh sb="29" eb="31">
      <t>ヘンコウ</t>
    </rPh>
    <phoneticPr fontId="9"/>
  </si>
  <si>
    <t>-</t>
    <phoneticPr fontId="9"/>
  </si>
  <si>
    <t>ノニルフェノール化合物及びそのエトキシレート</t>
    <phoneticPr fontId="9"/>
  </si>
  <si>
    <t>全面禁止から条件付禁止に変更</t>
    <rPh sb="0" eb="2">
      <t>ゼンメン</t>
    </rPh>
    <rPh sb="2" eb="4">
      <t>キンシ</t>
    </rPh>
    <phoneticPr fontId="9"/>
  </si>
  <si>
    <t>-</t>
    <phoneticPr fontId="9"/>
  </si>
  <si>
    <r>
      <rPr>
        <sz val="10"/>
        <rFont val="ＭＳ Ｐゴシック"/>
        <family val="3"/>
        <charset val="128"/>
      </rPr>
      <t>ビスフェノール</t>
    </r>
    <r>
      <rPr>
        <sz val="10"/>
        <rFont val="Arial"/>
        <family val="3"/>
        <charset val="128"/>
      </rPr>
      <t xml:space="preserve">A (BPA) </t>
    </r>
    <phoneticPr fontId="9"/>
  </si>
  <si>
    <t>条件付き禁止物質に変更</t>
    <rPh sb="0" eb="3">
      <t>ジョウケンツキ</t>
    </rPh>
    <rPh sb="4" eb="6">
      <t>ンシ</t>
    </rPh>
    <rPh sb="6" eb="8">
      <t>ブッシツ</t>
    </rPh>
    <rPh sb="9" eb="11">
      <t>ヘンコウ</t>
    </rPh>
    <phoneticPr fontId="9"/>
  </si>
  <si>
    <r>
      <t xml:space="preserve">C </t>
    </r>
    <r>
      <rPr>
        <sz val="10"/>
        <color theme="1"/>
        <rFont val="ＭＳ Ｐゴシック"/>
        <family val="3"/>
        <charset val="128"/>
      </rPr>
      <t>調査対象物質</t>
    </r>
    <r>
      <rPr>
        <sz val="10"/>
        <color theme="1"/>
        <rFont val="Arial"/>
        <family val="2"/>
      </rPr>
      <t>(Part 2)</t>
    </r>
    <rPh sb="2" eb="4">
      <t>チョウサ</t>
    </rPh>
    <rPh sb="4" eb="6">
      <t>タイショウ</t>
    </rPh>
    <rPh sb="6" eb="8">
      <t>ブッシツ</t>
    </rPh>
    <phoneticPr fontId="9"/>
  </si>
  <si>
    <r>
      <rPr>
        <sz val="10"/>
        <rFont val="ＭＳ Ｐゴシック"/>
        <family val="3"/>
        <charset val="128"/>
      </rPr>
      <t>化審法、</t>
    </r>
    <r>
      <rPr>
        <sz val="10"/>
        <rFont val="Arial"/>
        <family val="2"/>
      </rPr>
      <t>EU RoHS</t>
    </r>
    <r>
      <rPr>
        <sz val="10"/>
        <rFont val="ＭＳ Ｐゴシック"/>
        <family val="3"/>
        <charset val="128"/>
      </rPr>
      <t>指令、</t>
    </r>
    <r>
      <rPr>
        <sz val="10"/>
        <rFont val="Arial"/>
        <family val="2"/>
      </rPr>
      <t>EU REACH</t>
    </r>
    <r>
      <rPr>
        <sz val="10"/>
        <rFont val="ＭＳ Ｐゴシック"/>
        <family val="3"/>
        <charset val="128"/>
      </rPr>
      <t>規則</t>
    </r>
    <r>
      <rPr>
        <sz val="10"/>
        <rFont val="Arial"/>
        <family val="2"/>
      </rPr>
      <t xml:space="preserve"> </t>
    </r>
    <r>
      <rPr>
        <sz val="10"/>
        <rFont val="ＭＳ Ｐゴシック"/>
        <family val="3"/>
        <charset val="128"/>
      </rPr>
      <t>附属書</t>
    </r>
    <r>
      <rPr>
        <sz val="10"/>
        <rFont val="Arial"/>
        <family val="2"/>
      </rPr>
      <t>XVII</t>
    </r>
    <r>
      <rPr>
        <sz val="10"/>
        <rFont val="ＭＳ Ｐゴシック"/>
        <family val="3"/>
        <charset val="128"/>
      </rPr>
      <t xml:space="preserve">、
</t>
    </r>
    <r>
      <rPr>
        <sz val="10"/>
        <rFont val="Arial"/>
        <family val="2"/>
      </rPr>
      <t>EU POPs</t>
    </r>
    <r>
      <rPr>
        <sz val="10"/>
        <rFont val="ＭＳ Ｐゴシック"/>
        <family val="3"/>
        <charset val="128"/>
      </rPr>
      <t>規則</t>
    </r>
    <r>
      <rPr>
        <sz val="10"/>
        <rFont val="Arial"/>
        <family val="2"/>
      </rPr>
      <t xml:space="preserve"> </t>
    </r>
    <r>
      <rPr>
        <sz val="10"/>
        <rFont val="ＭＳ Ｐゴシック"/>
        <family val="3"/>
        <charset val="128"/>
      </rPr>
      <t>附属書</t>
    </r>
    <r>
      <rPr>
        <sz val="10"/>
        <rFont val="Arial"/>
        <family val="2"/>
      </rPr>
      <t>I</t>
    </r>
    <r>
      <rPr>
        <sz val="10"/>
        <rFont val="ＭＳ Ｐゴシック"/>
        <family val="3"/>
        <charset val="128"/>
      </rPr>
      <t>、米国</t>
    </r>
    <r>
      <rPr>
        <sz val="10"/>
        <rFont val="Arial"/>
        <family val="2"/>
      </rPr>
      <t xml:space="preserve"> TSCA</t>
    </r>
    <rPh sb="0" eb="3">
      <t>カシンホウ</t>
    </rPh>
    <rPh sb="11" eb="13">
      <t>シレイ</t>
    </rPh>
    <phoneticPr fontId="9"/>
  </si>
  <si>
    <r>
      <rPr>
        <sz val="10"/>
        <rFont val="ＭＳ Ｐゴシック"/>
        <family val="3"/>
        <charset val="128"/>
      </rPr>
      <t>米国</t>
    </r>
    <r>
      <rPr>
        <sz val="10"/>
        <rFont val="Arial"/>
        <family val="2"/>
      </rPr>
      <t xml:space="preserve"> TSCA</t>
    </r>
    <rPh sb="0" eb="2">
      <t>ベイコク</t>
    </rPh>
    <phoneticPr fontId="9"/>
  </si>
  <si>
    <r>
      <t>EU POPs</t>
    </r>
    <r>
      <rPr>
        <sz val="10"/>
        <rFont val="ＭＳ Ｐゴシック"/>
        <family val="3"/>
        <charset val="128"/>
      </rPr>
      <t>規則</t>
    </r>
    <phoneticPr fontId="9"/>
  </si>
  <si>
    <r>
      <rPr>
        <sz val="10"/>
        <rFont val="ＭＳ Ｐゴシック"/>
        <family val="3"/>
        <charset val="128"/>
      </rPr>
      <t>米国バーモント州</t>
    </r>
    <r>
      <rPr>
        <sz val="10"/>
        <rFont val="Arial"/>
        <family val="2"/>
      </rPr>
      <t>Act85</t>
    </r>
    <r>
      <rPr>
        <sz val="10"/>
        <rFont val="ＭＳ Ｐゴシック"/>
        <family val="3"/>
        <charset val="128"/>
      </rPr>
      <t>、米国</t>
    </r>
    <r>
      <rPr>
        <sz val="10"/>
        <rFont val="Arial"/>
        <family val="2"/>
      </rPr>
      <t>DC.Law 21-108/2016</t>
    </r>
    <r>
      <rPr>
        <sz val="10"/>
        <rFont val="ＭＳ Ｐゴシック"/>
        <family val="3"/>
        <charset val="128"/>
      </rPr>
      <t>、
（</t>
    </r>
    <r>
      <rPr>
        <sz val="10"/>
        <rFont val="Arial"/>
        <family val="2"/>
      </rPr>
      <t>EU REACH</t>
    </r>
    <r>
      <rPr>
        <sz val="10"/>
        <rFont val="ＭＳ Ｐゴシック"/>
        <family val="3"/>
        <charset val="128"/>
      </rPr>
      <t>規則）</t>
    </r>
    <rPh sb="0" eb="2">
      <t>ベイコク</t>
    </rPh>
    <rPh sb="7" eb="8">
      <t>シュウ</t>
    </rPh>
    <rPh sb="14" eb="16">
      <t>ベイコク</t>
    </rPh>
    <rPh sb="45" eb="47">
      <t>キソク</t>
    </rPh>
    <phoneticPr fontId="9"/>
  </si>
  <si>
    <r>
      <rPr>
        <sz val="10"/>
        <rFont val="ＭＳ Ｐゴシック"/>
        <family val="3"/>
        <charset val="128"/>
      </rPr>
      <t>米国バーモント州</t>
    </r>
    <r>
      <rPr>
        <sz val="10"/>
        <rFont val="Arial"/>
        <family val="2"/>
      </rPr>
      <t>Act85</t>
    </r>
    <r>
      <rPr>
        <sz val="10"/>
        <rFont val="ＭＳ Ｐゴシック"/>
        <family val="3"/>
        <charset val="128"/>
      </rPr>
      <t>、米国</t>
    </r>
    <r>
      <rPr>
        <sz val="10"/>
        <rFont val="Arial"/>
        <family val="2"/>
      </rPr>
      <t>DC.Law 21-108/2016</t>
    </r>
    <r>
      <rPr>
        <sz val="10"/>
        <color rgb="FFFF0000"/>
        <rFont val="ＭＳ Ｐゴシック"/>
        <family val="3"/>
        <charset val="128"/>
      </rPr>
      <t/>
    </r>
    <rPh sb="0" eb="2">
      <t>ベイコク</t>
    </rPh>
    <rPh sb="7" eb="8">
      <t>シュウ</t>
    </rPh>
    <phoneticPr fontId="9"/>
  </si>
  <si>
    <r>
      <t>EU REACH</t>
    </r>
    <r>
      <rPr>
        <sz val="10"/>
        <rFont val="ＭＳ Ｐゴシック"/>
        <family val="3"/>
        <charset val="128"/>
      </rPr>
      <t>規則</t>
    </r>
    <r>
      <rPr>
        <sz val="10"/>
        <rFont val="Arial"/>
        <family val="2"/>
      </rPr>
      <t xml:space="preserve"> </t>
    </r>
    <r>
      <rPr>
        <sz val="10"/>
        <rFont val="ＭＳ Ｐゴシック"/>
        <family val="3"/>
        <charset val="128"/>
      </rPr>
      <t>附属書</t>
    </r>
    <r>
      <rPr>
        <sz val="10"/>
        <rFont val="Arial"/>
        <family val="2"/>
      </rPr>
      <t>XVII</t>
    </r>
    <r>
      <rPr>
        <sz val="10"/>
        <rFont val="ＭＳ Ｐゴシック"/>
        <family val="3"/>
        <charset val="128"/>
      </rPr>
      <t>、スイス化学品法、
米国コネチカット州法</t>
    </r>
    <rPh sb="8" eb="10">
      <t>キソク</t>
    </rPh>
    <rPh sb="11" eb="14">
      <t>フゾクショ</t>
    </rPh>
    <rPh sb="22" eb="25">
      <t>カガクヒン</t>
    </rPh>
    <rPh sb="25" eb="26">
      <t>ホウ</t>
    </rPh>
    <rPh sb="28" eb="30">
      <t>ベイコク</t>
    </rPh>
    <rPh sb="36" eb="38">
      <t>シュウホウ</t>
    </rPh>
    <phoneticPr fontId="9"/>
  </si>
  <si>
    <r>
      <rPr>
        <sz val="10"/>
        <rFont val="ＭＳ Ｐゴシック"/>
        <family val="3"/>
        <charset val="128"/>
      </rPr>
      <t>スイス化学品法</t>
    </r>
    <phoneticPr fontId="9"/>
  </si>
  <si>
    <t>規則(EU) 2019/2021（電子ディスプレイ）</t>
  </si>
  <si>
    <t>TSCA</t>
    <phoneticPr fontId="9"/>
  </si>
  <si>
    <r>
      <t>POP</t>
    </r>
    <r>
      <rPr>
        <sz val="10"/>
        <rFont val="ＭＳ Ｐゴシック"/>
        <family val="3"/>
        <charset val="128"/>
      </rPr>
      <t>ｓ</t>
    </r>
    <phoneticPr fontId="9"/>
  </si>
  <si>
    <r>
      <t>1,3</t>
    </r>
    <r>
      <rPr>
        <sz val="10"/>
        <rFont val="ＭＳ Ｐゴシック"/>
        <family val="3"/>
        <charset val="128"/>
      </rPr>
      <t>－ジクロロプロペン</t>
    </r>
    <phoneticPr fontId="9"/>
  </si>
  <si>
    <r>
      <t>p-</t>
    </r>
    <r>
      <rPr>
        <sz val="10"/>
        <rFont val="ＭＳ Ｐゴシック"/>
        <family val="3"/>
        <charset val="128"/>
      </rPr>
      <t>ジメチルアミノアゾベンゼン</t>
    </r>
    <phoneticPr fontId="9"/>
  </si>
  <si>
    <r>
      <rPr>
        <sz val="10"/>
        <rFont val="ＭＳ Ｐゴシック"/>
        <family val="3"/>
        <charset val="128"/>
      </rPr>
      <t>塩化水素</t>
    </r>
    <phoneticPr fontId="9"/>
  </si>
  <si>
    <r>
      <t>N,N'-</t>
    </r>
    <r>
      <rPr>
        <sz val="10"/>
        <rFont val="ＭＳ Ｐゴシック"/>
        <family val="3"/>
        <charset val="128"/>
      </rPr>
      <t>エチレンビス（ジチオカルバミン酸）マンガン（マンネブ）</t>
    </r>
    <phoneticPr fontId="9"/>
  </si>
  <si>
    <r>
      <t>EU REACH</t>
    </r>
    <r>
      <rPr>
        <sz val="10"/>
        <rFont val="ＭＳ Ｐゴシック"/>
        <family val="3"/>
        <charset val="128"/>
      </rPr>
      <t>規則</t>
    </r>
    <r>
      <rPr>
        <sz val="10"/>
        <rFont val="Arial"/>
        <family val="2"/>
      </rPr>
      <t xml:space="preserve"> </t>
    </r>
    <r>
      <rPr>
        <sz val="10"/>
        <rFont val="ＭＳ Ｐゴシック"/>
        <family val="3"/>
        <charset val="128"/>
      </rPr>
      <t>附属書</t>
    </r>
    <r>
      <rPr>
        <sz val="10"/>
        <rFont val="Arial"/>
        <family val="2"/>
      </rPr>
      <t>XVII</t>
    </r>
    <phoneticPr fontId="9"/>
  </si>
  <si>
    <r>
      <rPr>
        <sz val="10"/>
        <rFont val="ＭＳ Ｐゴシック"/>
        <family val="3"/>
        <charset val="128"/>
      </rPr>
      <t>テトラクロロ無水フタル酸</t>
    </r>
    <phoneticPr fontId="9"/>
  </si>
  <si>
    <t>ノニルフェノール化合物及びそのエトキシレート</t>
    <rPh sb="8" eb="11">
      <t>カゴウブツ</t>
    </rPh>
    <rPh sb="11" eb="12">
      <t>オヨ</t>
    </rPh>
    <phoneticPr fontId="9"/>
  </si>
  <si>
    <t>＜SDP独自規制＞</t>
    <phoneticPr fontId="9"/>
  </si>
  <si>
    <r>
      <t>1-</t>
    </r>
    <r>
      <rPr>
        <sz val="10"/>
        <rFont val="ＭＳ Ｐゴシック"/>
        <family val="3"/>
        <charset val="128"/>
      </rPr>
      <t>ナフチルアミン</t>
    </r>
    <phoneticPr fontId="9"/>
  </si>
  <si>
    <r>
      <rPr>
        <sz val="10"/>
        <color theme="1"/>
        <rFont val="ＭＳ Ｐゴシック"/>
        <family val="3"/>
        <charset val="128"/>
      </rPr>
      <t>ベンゾフェノン</t>
    </r>
    <phoneticPr fontId="9"/>
  </si>
  <si>
    <r>
      <t>2,4-</t>
    </r>
    <r>
      <rPr>
        <sz val="10"/>
        <color theme="1"/>
        <rFont val="ＭＳ Ｐゴシック"/>
        <family val="3"/>
        <charset val="128"/>
      </rPr>
      <t>ジクロロフェノール</t>
    </r>
    <phoneticPr fontId="9"/>
  </si>
  <si>
    <r>
      <rPr>
        <sz val="10"/>
        <color theme="1"/>
        <rFont val="ＭＳ Ｐゴシック"/>
        <family val="3"/>
        <charset val="128"/>
      </rPr>
      <t>エチルベンゼン</t>
    </r>
    <phoneticPr fontId="9"/>
  </si>
  <si>
    <r>
      <rPr>
        <sz val="10"/>
        <color theme="1"/>
        <rFont val="ＭＳ Ｐゴシック"/>
        <family val="3"/>
        <charset val="128"/>
      </rPr>
      <t>イソシアネート</t>
    </r>
    <phoneticPr fontId="9"/>
  </si>
  <si>
    <r>
      <rPr>
        <sz val="10"/>
        <color theme="1"/>
        <rFont val="ＭＳ Ｐゴシック"/>
        <family val="3"/>
        <charset val="128"/>
      </rPr>
      <t>オクタクロロスチレン</t>
    </r>
    <phoneticPr fontId="9"/>
  </si>
  <si>
    <r>
      <rPr>
        <sz val="10"/>
        <color theme="1"/>
        <rFont val="ＭＳ Ｐゴシック"/>
        <family val="3"/>
        <charset val="128"/>
      </rPr>
      <t>リン系難燃剤（赤リンは除く）</t>
    </r>
    <phoneticPr fontId="9"/>
  </si>
  <si>
    <r>
      <rPr>
        <sz val="10"/>
        <rFont val="ＭＳ Ｐゴシック"/>
        <family val="3"/>
        <charset val="128"/>
      </rPr>
      <t>ジブチルスズ化合物（</t>
    </r>
    <r>
      <rPr>
        <sz val="10"/>
        <rFont val="Arial"/>
        <family val="2"/>
      </rPr>
      <t>DBT</t>
    </r>
    <r>
      <rPr>
        <sz val="10"/>
        <rFont val="ＭＳ Ｐゴシック"/>
        <family val="3"/>
        <charset val="128"/>
      </rPr>
      <t>）</t>
    </r>
    <phoneticPr fontId="9"/>
  </si>
  <si>
    <r>
      <t xml:space="preserve">EU REACH </t>
    </r>
    <r>
      <rPr>
        <sz val="10"/>
        <rFont val="ＭＳ Ｐゴシック"/>
        <family val="3"/>
        <charset val="128"/>
      </rPr>
      <t>附属書</t>
    </r>
    <r>
      <rPr>
        <sz val="10"/>
        <rFont val="Arial"/>
        <family val="2"/>
      </rPr>
      <t>XVII</t>
    </r>
    <phoneticPr fontId="9"/>
  </si>
  <si>
    <r>
      <t>＜</t>
    </r>
    <r>
      <rPr>
        <sz val="10"/>
        <rFont val="Arial"/>
        <family val="2"/>
      </rPr>
      <t>SDP</t>
    </r>
    <r>
      <rPr>
        <sz val="10"/>
        <rFont val="ＭＳ Ｐゴシック"/>
        <family val="3"/>
        <charset val="128"/>
      </rPr>
      <t>独自規制＞</t>
    </r>
    <phoneticPr fontId="9"/>
  </si>
  <si>
    <r>
      <t>＜</t>
    </r>
    <r>
      <rPr>
        <sz val="10"/>
        <rFont val="Arial"/>
        <family val="2"/>
      </rPr>
      <t>SDP</t>
    </r>
    <r>
      <rPr>
        <sz val="10"/>
        <rFont val="ＭＳ Ｐゴシック"/>
        <family val="3"/>
        <charset val="128"/>
      </rPr>
      <t>独自規制＞</t>
    </r>
    <phoneticPr fontId="9"/>
  </si>
  <si>
    <t>Others (appendix)
1/3 ~ 3/3</t>
    <phoneticPr fontId="9"/>
  </si>
  <si>
    <t>Others (appendix)
1/3 ~ 3/3</t>
    <phoneticPr fontId="9"/>
  </si>
  <si>
    <r>
      <t>＜</t>
    </r>
    <r>
      <rPr>
        <sz val="10"/>
        <rFont val="Arial"/>
        <family val="2"/>
      </rPr>
      <t>SDP</t>
    </r>
    <r>
      <rPr>
        <sz val="10"/>
        <rFont val="ＭＳ Ｐゴシック"/>
        <family val="3"/>
        <charset val="128"/>
      </rPr>
      <t>独自規制＞</t>
    </r>
    <phoneticPr fontId="9"/>
  </si>
  <si>
    <r>
      <t>＜</t>
    </r>
    <r>
      <rPr>
        <sz val="10"/>
        <rFont val="Arial"/>
        <family val="2"/>
      </rPr>
      <t>SDP</t>
    </r>
    <r>
      <rPr>
        <sz val="10"/>
        <rFont val="ＭＳ Ｐゴシック"/>
        <family val="3"/>
        <charset val="128"/>
      </rPr>
      <t>独自規制＞</t>
    </r>
    <phoneticPr fontId="9"/>
  </si>
  <si>
    <r>
      <t>塩化パラフィン（平均炭素数</t>
    </r>
    <r>
      <rPr>
        <sz val="10"/>
        <rFont val="Arial"/>
        <family val="2"/>
      </rPr>
      <t>23</t>
    </r>
    <r>
      <rPr>
        <sz val="10"/>
        <rFont val="ＭＳ Ｐゴシック"/>
        <family val="3"/>
        <charset val="128"/>
      </rPr>
      <t>、平均塩素化率</t>
    </r>
    <r>
      <rPr>
        <sz val="10"/>
        <rFont val="Arial"/>
        <family val="2"/>
      </rPr>
      <t>43</t>
    </r>
    <r>
      <rPr>
        <sz val="10"/>
        <rFont val="ＭＳ Ｐゴシック"/>
        <family val="3"/>
        <charset val="128"/>
      </rPr>
      <t>％）</t>
    </r>
    <phoneticPr fontId="9"/>
  </si>
  <si>
    <r>
      <rPr>
        <sz val="10"/>
        <rFont val="ＭＳ Ｐゴシック"/>
        <family val="3"/>
        <charset val="128"/>
      </rPr>
      <t>注）</t>
    </r>
    <r>
      <rPr>
        <sz val="10"/>
        <rFont val="Arial"/>
        <family val="2"/>
      </rPr>
      <t xml:space="preserve"> </t>
    </r>
    <r>
      <rPr>
        <sz val="10"/>
        <rFont val="ＭＳ Ｐゴシック"/>
        <family val="3"/>
        <charset val="128"/>
      </rPr>
      <t xml:space="preserve">新規に採用させていただく全ての部品・材料を対象とします。部品・材料を納入いただく際の包装材も
</t>
    </r>
    <r>
      <rPr>
        <sz val="10"/>
        <rFont val="Arial"/>
        <family val="2"/>
      </rPr>
      <t xml:space="preserve">      </t>
    </r>
    <r>
      <rPr>
        <sz val="10"/>
        <rFont val="ＭＳ Ｐゴシック"/>
        <family val="3"/>
        <charset val="128"/>
      </rPr>
      <t xml:space="preserve">対象です。包装材に含有する化学物質も同様の基準で判断いただきご報告ください。
</t>
    </r>
    <r>
      <rPr>
        <sz val="10"/>
        <rFont val="Arial"/>
        <family val="2"/>
      </rPr>
      <t xml:space="preserve">      </t>
    </r>
    <r>
      <rPr>
        <sz val="10"/>
        <rFont val="ＭＳ Ｐゴシック"/>
        <family val="3"/>
        <charset val="128"/>
      </rPr>
      <t>ただし、</t>
    </r>
    <r>
      <rPr>
        <sz val="10"/>
        <rFont val="Arial"/>
        <family val="2"/>
      </rPr>
      <t>SDP</t>
    </r>
    <r>
      <rPr>
        <sz val="10"/>
        <rFont val="ＭＳ Ｐゴシック"/>
        <family val="3"/>
        <charset val="128"/>
      </rPr>
      <t xml:space="preserve">の拠点等で廃棄されることが明らかで、部品、材料に対象物質の移行・混入の恐れが無い
</t>
    </r>
    <r>
      <rPr>
        <sz val="10"/>
        <rFont val="Arial"/>
        <family val="2"/>
      </rPr>
      <t xml:space="preserve">      </t>
    </r>
    <r>
      <rPr>
        <sz val="10"/>
        <rFont val="ＭＳ Ｐゴシック"/>
        <family val="3"/>
        <charset val="128"/>
      </rPr>
      <t>包装材は対象外といたします。</t>
    </r>
    <phoneticPr fontId="9"/>
  </si>
  <si>
    <t>2.</t>
    <phoneticPr fontId="9"/>
  </si>
  <si>
    <t xml:space="preserve"> C. Part 2</t>
    <phoneticPr fontId="75"/>
  </si>
  <si>
    <t xml:space="preserve"> C (appendix).Part 2</t>
    <phoneticPr fontId="9"/>
  </si>
  <si>
    <r>
      <rPr>
        <sz val="11"/>
        <rFont val="ＭＳ Ｐゴシック"/>
        <family val="3"/>
        <charset val="128"/>
      </rPr>
      <t>「</t>
    </r>
    <r>
      <rPr>
        <sz val="11"/>
        <rFont val="Arial"/>
        <family val="2"/>
      </rPr>
      <t>A.RoHS</t>
    </r>
    <r>
      <rPr>
        <sz val="11"/>
        <rFont val="ＭＳ Ｐゴシック"/>
        <family val="3"/>
        <charset val="128"/>
      </rPr>
      <t>」、「</t>
    </r>
    <r>
      <rPr>
        <sz val="11"/>
        <rFont val="Arial"/>
        <family val="2"/>
      </rPr>
      <t>B.Others</t>
    </r>
    <r>
      <rPr>
        <sz val="11"/>
        <rFont val="ＭＳ Ｐゴシック"/>
        <family val="3"/>
        <charset val="128"/>
      </rPr>
      <t>」、「</t>
    </r>
    <r>
      <rPr>
        <sz val="11"/>
        <rFont val="Arial"/>
        <family val="2"/>
      </rPr>
      <t>A (appendix).RoHS</t>
    </r>
    <r>
      <rPr>
        <sz val="11"/>
        <rFont val="ＭＳ Ｐゴシック"/>
        <family val="3"/>
        <charset val="128"/>
      </rPr>
      <t>」、「</t>
    </r>
    <r>
      <rPr>
        <sz val="11"/>
        <rFont val="Arial"/>
        <family val="2"/>
      </rPr>
      <t>B (appendix).Others</t>
    </r>
    <r>
      <rPr>
        <sz val="11"/>
        <rFont val="ＭＳ Ｐゴシック"/>
        <family val="3"/>
        <charset val="128"/>
      </rPr>
      <t>」、「</t>
    </r>
    <r>
      <rPr>
        <sz val="11"/>
        <rFont val="Arial"/>
        <family val="2"/>
      </rPr>
      <t>C.Part 2</t>
    </r>
    <r>
      <rPr>
        <sz val="11"/>
        <rFont val="ＭＳ Ｐゴシック"/>
        <family val="3"/>
        <charset val="128"/>
      </rPr>
      <t>」、</t>
    </r>
    <phoneticPr fontId="9"/>
  </si>
  <si>
    <r>
      <t>「</t>
    </r>
    <r>
      <rPr>
        <sz val="11"/>
        <rFont val="Arial"/>
        <family val="2"/>
      </rPr>
      <t>C (appendix).Part 2</t>
    </r>
    <r>
      <rPr>
        <sz val="11"/>
        <rFont val="ＭＳ Ｐゴシック"/>
        <family val="3"/>
        <charset val="128"/>
      </rPr>
      <t>」のシートは</t>
    </r>
    <r>
      <rPr>
        <sz val="11"/>
        <rFont val="Arial"/>
        <family val="2"/>
      </rPr>
      <t>SDP</t>
    </r>
    <r>
      <rPr>
        <sz val="11"/>
        <rFont val="ＭＳ Ｐゴシック"/>
        <family val="3"/>
        <charset val="128"/>
      </rPr>
      <t>で必要とするシートです。</t>
    </r>
    <rPh sb="30" eb="32">
      <t>ヒツヨウ</t>
    </rPh>
    <phoneticPr fontId="9"/>
  </si>
  <si>
    <r>
      <rPr>
        <sz val="11"/>
        <rFont val="ＭＳ Ｐゴシック"/>
        <family val="3"/>
        <charset val="128"/>
      </rPr>
      <t>「</t>
    </r>
    <r>
      <rPr>
        <sz val="11"/>
        <rFont val="Arial"/>
        <family val="2"/>
      </rPr>
      <t>A. RoHS</t>
    </r>
    <r>
      <rPr>
        <sz val="11"/>
        <rFont val="ＭＳ Ｐゴシック"/>
        <family val="3"/>
        <charset val="128"/>
      </rPr>
      <t>」、「</t>
    </r>
    <r>
      <rPr>
        <sz val="11"/>
        <rFont val="Arial"/>
        <family val="2"/>
      </rPr>
      <t>C.Part 2</t>
    </r>
    <r>
      <rPr>
        <sz val="11"/>
        <rFont val="ＭＳ Ｐゴシック"/>
        <family val="3"/>
        <charset val="128"/>
      </rPr>
      <t>」シートの上部に</t>
    </r>
    <rPh sb="24" eb="26">
      <t>ジョウブ</t>
    </rPh>
    <phoneticPr fontId="9"/>
  </si>
  <si>
    <r>
      <rPr>
        <sz val="11"/>
        <rFont val="ＭＳ Ｐゴシック"/>
        <family val="3"/>
        <charset val="128"/>
      </rPr>
      <t>「</t>
    </r>
    <r>
      <rPr>
        <sz val="11"/>
        <rFont val="Arial"/>
        <family val="2"/>
      </rPr>
      <t>B. Other</t>
    </r>
    <r>
      <rPr>
        <sz val="11"/>
        <rFont val="ＭＳ Ｐゴシック"/>
        <family val="3"/>
        <charset val="128"/>
      </rPr>
      <t>」、「</t>
    </r>
    <r>
      <rPr>
        <sz val="11"/>
        <rFont val="Arial"/>
        <family val="2"/>
      </rPr>
      <t>C.Part 2</t>
    </r>
    <r>
      <rPr>
        <sz val="11"/>
        <rFont val="ＭＳ Ｐゴシック"/>
        <family val="3"/>
        <charset val="128"/>
      </rPr>
      <t>」シート下部に</t>
    </r>
    <rPh sb="24" eb="26">
      <t>カブ</t>
    </rPh>
    <phoneticPr fontId="9"/>
  </si>
  <si>
    <r>
      <rPr>
        <sz val="11"/>
        <rFont val="ＭＳ Ｐゴシック"/>
        <family val="3"/>
        <charset val="128"/>
      </rPr>
      <t>「</t>
    </r>
    <r>
      <rPr>
        <sz val="11"/>
        <rFont val="Arial"/>
        <family val="2"/>
      </rPr>
      <t>C.Part 2</t>
    </r>
    <r>
      <rPr>
        <sz val="11"/>
        <rFont val="ＭＳ Ｐゴシック"/>
        <family val="3"/>
        <charset val="128"/>
      </rPr>
      <t>」シートの調査確認製品欄へは、以下の内容を入力（記入）してください。</t>
    </r>
    <rPh sb="20" eb="21">
      <t>ラン</t>
    </rPh>
    <rPh sb="24" eb="26">
      <t>イカ</t>
    </rPh>
    <rPh sb="27" eb="29">
      <t>ナイヨウ</t>
    </rPh>
    <rPh sb="30" eb="32">
      <t>ニュウリョク</t>
    </rPh>
    <rPh sb="33" eb="35">
      <t>キニュウ</t>
    </rPh>
    <phoneticPr fontId="9"/>
  </si>
  <si>
    <t xml:space="preserve">Notes for inputting "Report on Chemical Substances Contained in the Product "
 (Former name:"Report on Environmental Impact Substances Contained in the Product") </t>
    <phoneticPr fontId="9"/>
  </si>
  <si>
    <t xml:space="preserve"> C1-Chemical Substances to be investigated (Part 2)</t>
    <phoneticPr fontId="9"/>
  </si>
  <si>
    <t xml:space="preserve"> C. Part 2</t>
    <phoneticPr fontId="9"/>
  </si>
  <si>
    <t xml:space="preserve"> C (appendix).Part 2</t>
    <phoneticPr fontId="9"/>
  </si>
  <si>
    <t xml:space="preserve">"A.RoHS", "B.Others", "A (appendix) .RoHS",  "B (appendix) .Others" and "C.Part 2" , "C(appendix).Part 2" sheets </t>
    <phoneticPr fontId="9"/>
  </si>
  <si>
    <t xml:space="preserve">Please submit all of the sheets. Regarding "A2-Appendix", "B2-Appendix"and "C2-Appendix" </t>
    <phoneticPr fontId="9"/>
  </si>
  <si>
    <t>&lt; On the top of the sheet "A. RoHS","C.Part 2"&gt;</t>
    <phoneticPr fontId="9"/>
  </si>
  <si>
    <t>&lt; On the bottom of the sheet "B. Others","C.Part 2"&gt;</t>
    <phoneticPr fontId="9"/>
  </si>
  <si>
    <t>In the fields of "Information on surveyed product" on the sheet "C.Part 2", please fill the contents below:</t>
    <phoneticPr fontId="9"/>
  </si>
  <si>
    <t>Halogenated flame retardant' means a flame retardant that contains any halogen.</t>
    <phoneticPr fontId="9"/>
  </si>
  <si>
    <r>
      <t xml:space="preserve"> 3) </t>
    </r>
    <r>
      <rPr>
        <sz val="11"/>
        <rFont val="ＭＳ Ｐゴシック"/>
        <family val="3"/>
        <charset val="128"/>
      </rPr>
      <t>当報告書発行時点（</t>
    </r>
    <r>
      <rPr>
        <sz val="11"/>
        <rFont val="Arial"/>
        <family val="2"/>
      </rPr>
      <t>2021</t>
    </r>
    <r>
      <rPr>
        <sz val="11"/>
        <rFont val="ＭＳ Ｐゴシック"/>
        <family val="3"/>
        <charset val="128"/>
      </rPr>
      <t>年</t>
    </r>
    <r>
      <rPr>
        <sz val="11"/>
        <rFont val="Arial"/>
        <family val="2"/>
      </rPr>
      <t>11</t>
    </r>
    <r>
      <rPr>
        <sz val="11"/>
        <rFont val="ＭＳ Ｐゴシック"/>
        <family val="3"/>
        <charset val="128"/>
      </rPr>
      <t>月）の</t>
    </r>
    <r>
      <rPr>
        <sz val="11"/>
        <rFont val="Arial"/>
        <family val="2"/>
      </rPr>
      <t>EU RoHS</t>
    </r>
    <r>
      <rPr>
        <sz val="11"/>
        <rFont val="ＭＳ Ｐゴシック"/>
        <family val="3"/>
        <charset val="128"/>
      </rPr>
      <t>指令の適用除外期限の情報に基づいています。／</t>
    </r>
    <r>
      <rPr>
        <sz val="9"/>
        <color rgb="FFFF0000"/>
        <rFont val="Arial"/>
        <family val="2"/>
      </rPr>
      <t/>
    </r>
    <rPh sb="37" eb="39">
      <t>キゲン</t>
    </rPh>
    <rPh sb="40" eb="42">
      <t>ジョウホウ</t>
    </rPh>
    <rPh sb="43" eb="44">
      <t>モト</t>
    </rPh>
    <phoneticPr fontId="9"/>
  </si>
  <si>
    <t xml:space="preserve">     It is based on information on the exemption deadline of the EU RoHS Directive at the time of issuance of this report (Nov. 2021).</t>
    <phoneticPr fontId="9"/>
  </si>
  <si>
    <t>Usable</t>
    <phoneticPr fontId="9"/>
  </si>
  <si>
    <r>
      <t>*2) EU</t>
    </r>
    <r>
      <rPr>
        <b/>
        <sz val="8"/>
        <rFont val="ＭＳ Ｐゴシック"/>
        <family val="3"/>
        <charset val="128"/>
      </rPr>
      <t>で適用除外の延長申請が受付けられ、当報告書発行時点（</t>
    </r>
    <r>
      <rPr>
        <b/>
        <sz val="8"/>
        <rFont val="Arial"/>
        <family val="2"/>
      </rPr>
      <t>2021</t>
    </r>
    <r>
      <rPr>
        <b/>
        <sz val="8"/>
        <rFont val="ＭＳ Ｐゴシック"/>
        <family val="3"/>
        <charset val="128"/>
      </rPr>
      <t>年</t>
    </r>
    <r>
      <rPr>
        <b/>
        <sz val="8"/>
        <rFont val="Arial"/>
        <family val="2"/>
      </rPr>
      <t>11</t>
    </r>
    <r>
      <rPr>
        <b/>
        <sz val="8"/>
        <rFont val="ＭＳ Ｐゴシック"/>
        <family val="3"/>
        <charset val="128"/>
      </rPr>
      <t>月）で審議中。審議中は当適用除外は有効。期限が決定された場合は、その期限の半年前を</t>
    </r>
    <r>
      <rPr>
        <b/>
        <sz val="8"/>
        <rFont val="Arial"/>
        <family val="2"/>
      </rPr>
      <t>SDP</t>
    </r>
    <r>
      <rPr>
        <b/>
        <sz val="8"/>
        <rFont val="ＭＳ Ｐゴシック"/>
        <family val="3"/>
        <charset val="128"/>
      </rPr>
      <t>への納入禁止日とします。／</t>
    </r>
    <phoneticPr fontId="9"/>
  </si>
  <si>
    <t xml:space="preserve">   An application for extension of exemption was accepted in the EU, and it is under deliberation at the time of issuance of this report (Nov. 2021). </t>
    <phoneticPr fontId="9"/>
  </si>
  <si>
    <r>
      <rPr>
        <sz val="11"/>
        <rFont val="ＭＳ Ｐゴシック"/>
        <family val="3"/>
        <charset val="128"/>
      </rPr>
      <t>パーフルオロオクタン酸（</t>
    </r>
    <r>
      <rPr>
        <sz val="11"/>
        <rFont val="Arial"/>
        <family val="2"/>
      </rPr>
      <t>PFOA</t>
    </r>
    <r>
      <rPr>
        <sz val="11"/>
        <rFont val="ＭＳ Ｐゴシック"/>
        <family val="3"/>
        <charset val="128"/>
      </rPr>
      <t>）とその塩および</t>
    </r>
    <r>
      <rPr>
        <sz val="11"/>
        <rFont val="Arial"/>
        <family val="2"/>
      </rPr>
      <t>PFOA</t>
    </r>
    <r>
      <rPr>
        <sz val="11"/>
        <rFont val="ＭＳ Ｐゴシック"/>
        <family val="3"/>
        <charset val="128"/>
      </rPr>
      <t>関連物質／</t>
    </r>
    <r>
      <rPr>
        <sz val="9"/>
        <rFont val="Arial"/>
        <family val="2"/>
      </rPr>
      <t>Perfluorooctanoic acid (PFOA) and its salts and PFOA-related substances</t>
    </r>
    <phoneticPr fontId="9"/>
  </si>
  <si>
    <r>
      <rPr>
        <sz val="11"/>
        <color theme="1"/>
        <rFont val="ＭＳ Ｐゴシック"/>
        <family val="3"/>
        <charset val="128"/>
      </rPr>
      <t>ベリリウム及びその化合物</t>
    </r>
    <r>
      <rPr>
        <sz val="9"/>
        <color theme="1"/>
        <rFont val="ＭＳ Ｐゴシック"/>
        <family val="3"/>
        <charset val="128"/>
      </rPr>
      <t>／</t>
    </r>
    <r>
      <rPr>
        <sz val="9"/>
        <color theme="1"/>
        <rFont val="Arial"/>
        <family val="2"/>
      </rPr>
      <t>Beryllium and its compound</t>
    </r>
    <phoneticPr fontId="9"/>
  </si>
  <si>
    <t>Used in adhesives or sealants and a permission from the adoption decision department in SDP was obtained. [Prohibited after 6 January 2024]</t>
    <phoneticPr fontId="9"/>
  </si>
  <si>
    <r>
      <t>下記（</t>
    </r>
    <r>
      <rPr>
        <sz val="11"/>
        <rFont val="Arial"/>
        <family val="2"/>
      </rPr>
      <t>2</t>
    </r>
    <r>
      <rPr>
        <sz val="11"/>
        <rFont val="ＭＳ Ｐゴシック"/>
        <family val="3"/>
        <charset val="128"/>
      </rPr>
      <t>）以外のものに使用されている／</t>
    </r>
    <r>
      <rPr>
        <sz val="9"/>
        <rFont val="Arial"/>
        <family val="2"/>
      </rPr>
      <t>Used in the other than the following (2).</t>
    </r>
    <rPh sb="0" eb="2">
      <t>カキ</t>
    </rPh>
    <rPh sb="5" eb="7">
      <t>イガイ</t>
    </rPh>
    <rPh sb="11" eb="13">
      <t>シヨウ</t>
    </rPh>
    <phoneticPr fontId="9"/>
  </si>
  <si>
    <r>
      <t>成型品中に使用されている／</t>
    </r>
    <r>
      <rPr>
        <sz val="9"/>
        <rFont val="Arial"/>
        <family val="2"/>
      </rPr>
      <t>Used in articles.</t>
    </r>
    <rPh sb="0" eb="4">
      <t>セイケイヒンチュウ</t>
    </rPh>
    <rPh sb="5" eb="7">
      <t>シヨウ</t>
    </rPh>
    <phoneticPr fontId="9"/>
  </si>
  <si>
    <r>
      <t>感熱紙用途に、</t>
    </r>
    <r>
      <rPr>
        <sz val="11"/>
        <rFont val="Arial"/>
        <family val="2"/>
      </rPr>
      <t>0.02wt%</t>
    </r>
    <r>
      <rPr>
        <sz val="11"/>
        <rFont val="ＭＳ Ｐゴシック"/>
        <family val="3"/>
        <charset val="128"/>
      </rPr>
      <t>以上の含有である／</t>
    </r>
    <r>
      <rPr>
        <sz val="9"/>
        <rFont val="Arial"/>
        <family val="2"/>
      </rPr>
      <t>Used in thermal paper, containing equal to or greater than 0.02wt%.</t>
    </r>
    <rPh sb="0" eb="3">
      <t>カンネツシ</t>
    </rPh>
    <rPh sb="3" eb="5">
      <t>ヨウト</t>
    </rPh>
    <rPh sb="14" eb="16">
      <t>イジョウ</t>
    </rPh>
    <rPh sb="17" eb="19">
      <t>ガンユウ</t>
    </rPh>
    <phoneticPr fontId="9"/>
  </si>
  <si>
    <r>
      <t>上記（</t>
    </r>
    <r>
      <rPr>
        <sz val="11"/>
        <rFont val="Arial"/>
        <family val="2"/>
      </rPr>
      <t>1</t>
    </r>
    <r>
      <rPr>
        <sz val="11"/>
        <rFont val="ＭＳ Ｐゴシック"/>
        <family val="3"/>
        <charset val="128"/>
      </rPr>
      <t>）以外のものに使用されている／</t>
    </r>
    <r>
      <rPr>
        <sz val="9"/>
        <rFont val="Arial"/>
        <family val="2"/>
      </rPr>
      <t>Used in the other than the above (1).</t>
    </r>
    <rPh sb="0" eb="2">
      <t>ジョウキ</t>
    </rPh>
    <rPh sb="5" eb="7">
      <t>イガイ</t>
    </rPh>
    <rPh sb="11" eb="13">
      <t>シヨウ</t>
    </rPh>
    <phoneticPr fontId="9"/>
  </si>
  <si>
    <r>
      <rPr>
        <sz val="11"/>
        <rFont val="ＭＳ Ｐゴシック"/>
        <family val="3"/>
        <charset val="128"/>
      </rPr>
      <t>ハロゲン系難燃剤／</t>
    </r>
    <r>
      <rPr>
        <sz val="9"/>
        <rFont val="Arial"/>
        <family val="2"/>
      </rPr>
      <t>Halogenated flame retardant</t>
    </r>
    <rPh sb="4" eb="5">
      <t>ケイ</t>
    </rPh>
    <rPh sb="5" eb="8">
      <t>ナンネンザイ</t>
    </rPh>
    <phoneticPr fontId="9"/>
  </si>
  <si>
    <r>
      <rPr>
        <sz val="11"/>
        <rFont val="ＭＳ Ｐゴシック"/>
        <family val="3"/>
        <charset val="128"/>
      </rPr>
      <t xml:space="preserve">使用可／
</t>
    </r>
    <r>
      <rPr>
        <sz val="9"/>
        <rFont val="Arial"/>
        <family val="2"/>
      </rPr>
      <t>Usable</t>
    </r>
    <phoneticPr fontId="9"/>
  </si>
  <si>
    <r>
      <t>*10)</t>
    </r>
    <r>
      <rPr>
        <sz val="10"/>
        <rFont val="ＭＳ Ｐゴシック"/>
        <family val="3"/>
        <charset val="128"/>
      </rPr>
      <t>最新</t>
    </r>
    <r>
      <rPr>
        <sz val="10"/>
        <rFont val="Arial"/>
        <family val="2"/>
      </rPr>
      <t>SVHC</t>
    </r>
    <r>
      <rPr>
        <sz val="10"/>
        <rFont val="ＭＳ Ｐゴシック"/>
        <family val="3"/>
        <charset val="128"/>
      </rPr>
      <t>情報は</t>
    </r>
    <r>
      <rPr>
        <sz val="10"/>
        <rFont val="Arial"/>
        <family val="2"/>
      </rPr>
      <t>ECHA HP</t>
    </r>
    <r>
      <rPr>
        <sz val="10"/>
        <rFont val="ＭＳ Ｐゴシック"/>
        <family val="3"/>
        <charset val="128"/>
      </rPr>
      <t>の</t>
    </r>
    <r>
      <rPr>
        <sz val="10"/>
        <rFont val="Arial"/>
        <family val="2"/>
      </rPr>
      <t>REACH</t>
    </r>
    <r>
      <rPr>
        <sz val="10"/>
        <rFont val="ＭＳ Ｐゴシック"/>
        <family val="3"/>
        <charset val="128"/>
      </rPr>
      <t>規則高懸念物質（</t>
    </r>
    <r>
      <rPr>
        <sz val="10"/>
        <rFont val="Arial"/>
        <family val="2"/>
      </rPr>
      <t>SVHC</t>
    </r>
    <r>
      <rPr>
        <sz val="10"/>
        <rFont val="ＭＳ Ｐゴシック"/>
        <family val="3"/>
        <charset val="128"/>
      </rPr>
      <t>）をご確認ください。</t>
    </r>
    <r>
      <rPr>
        <sz val="10"/>
        <rFont val="Arial"/>
        <family val="2"/>
      </rPr>
      <t xml:space="preserve"> (URL  https://echa.europa.eu/candidate-list-table)  </t>
    </r>
    <r>
      <rPr>
        <sz val="10"/>
        <rFont val="ＭＳ Ｐゴシック"/>
        <family val="3"/>
        <charset val="128"/>
      </rPr>
      <t>／
　　</t>
    </r>
    <r>
      <rPr>
        <sz val="10"/>
        <rFont val="Arial"/>
        <family val="2"/>
      </rPr>
      <t>For the latest SVHC information, Please see the ECHA website regarding REACH Regulation.</t>
    </r>
    <rPh sb="4" eb="6">
      <t>サイシン</t>
    </rPh>
    <rPh sb="10" eb="12">
      <t>ジョウホウ</t>
    </rPh>
    <rPh sb="26" eb="28">
      <t>キソク</t>
    </rPh>
    <rPh sb="28" eb="29">
      <t>コウ</t>
    </rPh>
    <rPh sb="29" eb="31">
      <t>ケネン</t>
    </rPh>
    <rPh sb="31" eb="33">
      <t>ブッシツ</t>
    </rPh>
    <rPh sb="41" eb="43">
      <t>カクニン</t>
    </rPh>
    <phoneticPr fontId="9"/>
  </si>
  <si>
    <r>
      <rPr>
        <sz val="11"/>
        <rFont val="ＭＳ Ｐゴシック"/>
        <family val="3"/>
        <charset val="128"/>
      </rPr>
      <t>（</t>
    </r>
    <r>
      <rPr>
        <sz val="11"/>
        <rFont val="Arial"/>
        <family val="2"/>
      </rPr>
      <t>2</t>
    </r>
    <r>
      <rPr>
        <sz val="11"/>
        <rFont val="ＭＳ Ｐゴシック"/>
        <family val="3"/>
        <charset val="128"/>
      </rPr>
      <t>）、（</t>
    </r>
    <r>
      <rPr>
        <sz val="11"/>
        <rFont val="Arial"/>
        <family val="2"/>
      </rPr>
      <t>3</t>
    </r>
    <r>
      <rPr>
        <sz val="11"/>
        <rFont val="ＭＳ Ｐゴシック"/>
        <family val="3"/>
        <charset val="128"/>
      </rPr>
      <t>）以外の用途／</t>
    </r>
    <r>
      <rPr>
        <sz val="11"/>
        <rFont val="Arial"/>
        <family val="2"/>
      </rPr>
      <t>Used in every application other than the following items (2),(3)</t>
    </r>
    <rPh sb="7" eb="9">
      <t>イガイ</t>
    </rPh>
    <rPh sb="10" eb="12">
      <t>ヨウト</t>
    </rPh>
    <phoneticPr fontId="9"/>
  </si>
  <si>
    <r>
      <rPr>
        <sz val="11"/>
        <rFont val="ＭＳ Ｐゴシック"/>
        <family val="3"/>
        <charset val="128"/>
      </rPr>
      <t>（</t>
    </r>
    <r>
      <rPr>
        <sz val="11"/>
        <rFont val="Arial"/>
        <family val="2"/>
      </rPr>
      <t>1</t>
    </r>
    <r>
      <rPr>
        <sz val="11"/>
        <rFont val="ＭＳ Ｐゴシック"/>
        <family val="3"/>
        <charset val="128"/>
      </rPr>
      <t>）以外／</t>
    </r>
    <r>
      <rPr>
        <sz val="11"/>
        <rFont val="Arial"/>
        <family val="2"/>
      </rPr>
      <t>Used in every application other than the above item (1)</t>
    </r>
    <rPh sb="3" eb="5">
      <t>イガイ</t>
    </rPh>
    <phoneticPr fontId="9"/>
  </si>
  <si>
    <r>
      <rPr>
        <sz val="11"/>
        <rFont val="ＭＳ Ｐゴシック"/>
        <family val="3"/>
        <charset val="128"/>
      </rPr>
      <t>下記（</t>
    </r>
    <r>
      <rPr>
        <sz val="11"/>
        <rFont val="Arial"/>
        <family val="2"/>
      </rPr>
      <t>2</t>
    </r>
    <r>
      <rPr>
        <sz val="11"/>
        <rFont val="ＭＳ Ｐゴシック"/>
        <family val="3"/>
        <charset val="128"/>
      </rPr>
      <t>）～（</t>
    </r>
    <r>
      <rPr>
        <sz val="11"/>
        <rFont val="Arial"/>
        <family val="2"/>
      </rPr>
      <t>3</t>
    </r>
    <r>
      <rPr>
        <sz val="11"/>
        <rFont val="ＭＳ Ｐゴシック"/>
        <family val="3"/>
        <charset val="128"/>
      </rPr>
      <t>）以外のものに使用されている／</t>
    </r>
    <phoneticPr fontId="9"/>
  </si>
  <si>
    <t>Used in every application other than the following  (2),(3)</t>
    <phoneticPr fontId="9"/>
  </si>
  <si>
    <r>
      <rPr>
        <sz val="11"/>
        <rFont val="ＭＳ Ｐゴシック"/>
        <family val="3"/>
        <charset val="128"/>
      </rPr>
      <t>（</t>
    </r>
    <r>
      <rPr>
        <sz val="11"/>
        <rFont val="Arial"/>
        <family val="2"/>
      </rPr>
      <t>3</t>
    </r>
    <r>
      <rPr>
        <sz val="11"/>
        <rFont val="ＭＳ Ｐゴシック"/>
        <family val="3"/>
        <charset val="128"/>
      </rPr>
      <t>）以外の使用／</t>
    </r>
    <r>
      <rPr>
        <sz val="11"/>
        <rFont val="Arial"/>
        <family val="2"/>
      </rPr>
      <t>Used in every application other than the following item (3).</t>
    </r>
    <rPh sb="3" eb="5">
      <t>イガイ</t>
    </rPh>
    <rPh sb="6" eb="8">
      <t>シヨウ</t>
    </rPh>
    <phoneticPr fontId="9"/>
  </si>
  <si>
    <r>
      <rPr>
        <sz val="11"/>
        <rFont val="ＭＳ Ｐゴシック"/>
        <family val="3"/>
        <charset val="128"/>
      </rPr>
      <t>（</t>
    </r>
    <r>
      <rPr>
        <sz val="11"/>
        <rFont val="Arial"/>
        <family val="2"/>
      </rPr>
      <t>2</t>
    </r>
    <r>
      <rPr>
        <sz val="11"/>
        <rFont val="ＭＳ Ｐゴシック"/>
        <family val="3"/>
        <charset val="128"/>
      </rPr>
      <t>）以外の用途／</t>
    </r>
    <r>
      <rPr>
        <sz val="11"/>
        <rFont val="Arial"/>
        <family val="2"/>
      </rPr>
      <t>Used in every application other than the following item (2).</t>
    </r>
    <rPh sb="3" eb="5">
      <t>イガイ</t>
    </rPh>
    <rPh sb="6" eb="8">
      <t>ヨウト</t>
    </rPh>
    <phoneticPr fontId="9"/>
  </si>
  <si>
    <r>
      <t xml:space="preserve">*11) </t>
    </r>
    <r>
      <rPr>
        <sz val="10"/>
        <rFont val="ＭＳ Ｐゴシック"/>
        <family val="3"/>
        <charset val="128"/>
      </rPr>
      <t>ハロゲン物質及びフタル酸エステルの分析データは、依頼元からの要求がある場合のみ提出願います。分析データは分析機関が発行した試験結果報告書を提出願います。</t>
    </r>
    <r>
      <rPr>
        <sz val="10"/>
        <rFont val="Arial"/>
        <family val="2"/>
      </rPr>
      <t xml:space="preserve"> </t>
    </r>
    <r>
      <rPr>
        <sz val="10"/>
        <rFont val="ＭＳ Ｐゴシック"/>
        <family val="3"/>
        <charset val="128"/>
      </rPr>
      <t>／</t>
    </r>
    <r>
      <rPr>
        <sz val="10"/>
        <rFont val="Arial"/>
        <family val="2"/>
      </rPr>
      <t xml:space="preserve">
     Please submit an analysis report on halogen substances and phthalates, only when there is the request from the SDP's department.
     And please ensure that it is the report on the result of examination issued by analytical organization.</t>
    </r>
    <phoneticPr fontId="9"/>
  </si>
  <si>
    <r>
      <rPr>
        <sz val="11"/>
        <rFont val="ＭＳ Ｐゴシック"/>
        <family val="3"/>
        <charset val="128"/>
      </rPr>
      <t>下記（</t>
    </r>
    <r>
      <rPr>
        <sz val="11"/>
        <rFont val="Arial"/>
        <family val="2"/>
      </rPr>
      <t>4</t>
    </r>
    <r>
      <rPr>
        <sz val="11"/>
        <rFont val="ＭＳ Ｐゴシック"/>
        <family val="3"/>
        <charset val="128"/>
      </rPr>
      <t>）～（</t>
    </r>
    <r>
      <rPr>
        <sz val="11"/>
        <rFont val="Arial"/>
        <family val="2"/>
      </rPr>
      <t>14</t>
    </r>
    <r>
      <rPr>
        <sz val="11"/>
        <rFont val="ＭＳ Ｐゴシック"/>
        <family val="3"/>
        <charset val="128"/>
      </rPr>
      <t>）以外のものに使用されている／</t>
    </r>
    <phoneticPr fontId="9"/>
  </si>
  <si>
    <t>Used in every application other than the following (4)-(14).</t>
    <phoneticPr fontId="9"/>
  </si>
  <si>
    <r>
      <rPr>
        <sz val="10"/>
        <rFont val="ＭＳ Ｐゴシック"/>
        <family val="3"/>
        <charset val="128"/>
      </rPr>
      <t>←</t>
    </r>
    <phoneticPr fontId="9"/>
  </si>
  <si>
    <r>
      <t>REACH</t>
    </r>
    <r>
      <rPr>
        <sz val="10"/>
        <rFont val="ＭＳ Ｐゴシック"/>
        <family val="3"/>
        <charset val="128"/>
      </rPr>
      <t>規則高懸念物質（</t>
    </r>
    <r>
      <rPr>
        <sz val="10"/>
        <rFont val="Arial"/>
        <family val="2"/>
      </rPr>
      <t>SVHC</t>
    </r>
    <r>
      <rPr>
        <sz val="10"/>
        <rFont val="ＭＳ Ｐゴシック"/>
        <family val="3"/>
        <charset val="128"/>
      </rPr>
      <t>）</t>
    </r>
    <rPh sb="5" eb="7">
      <t>キソク</t>
    </rPh>
    <rPh sb="7" eb="12">
      <t>コウケネンブッシツ</t>
    </rPh>
    <phoneticPr fontId="9"/>
  </si>
  <si>
    <r>
      <rPr>
        <sz val="10"/>
        <rFont val="ＭＳ Ｐゴシック"/>
        <family val="3"/>
        <charset val="128"/>
      </rPr>
      <t>テトラブロモビスフェノール</t>
    </r>
    <r>
      <rPr>
        <sz val="10"/>
        <rFont val="Arial"/>
        <family val="2"/>
      </rPr>
      <t>A</t>
    </r>
    <r>
      <rPr>
        <sz val="10"/>
        <rFont val="ＭＳ Ｐゴシック"/>
        <family val="3"/>
        <charset val="128"/>
      </rPr>
      <t>（</t>
    </r>
    <r>
      <rPr>
        <sz val="10"/>
        <rFont val="Arial"/>
        <family val="2"/>
      </rPr>
      <t>TBBP-A</t>
    </r>
    <r>
      <rPr>
        <sz val="10"/>
        <rFont val="ＭＳ Ｐゴシック"/>
        <family val="3"/>
        <charset val="128"/>
      </rPr>
      <t>）</t>
    </r>
    <phoneticPr fontId="9"/>
  </si>
  <si>
    <r>
      <rPr>
        <sz val="10"/>
        <rFont val="ＭＳ Ｐゴシック"/>
        <family val="3"/>
        <charset val="128"/>
      </rPr>
      <t>クロム及びクロム化合物
（六価クロム化合物を除く</t>
    </r>
    <r>
      <rPr>
        <sz val="10"/>
        <rFont val="Arial"/>
        <family val="2"/>
      </rPr>
      <t>)</t>
    </r>
    <phoneticPr fontId="9"/>
  </si>
  <si>
    <r>
      <t>REACH</t>
    </r>
    <r>
      <rPr>
        <sz val="10"/>
        <color theme="1"/>
        <rFont val="ＭＳ Ｐゴシック"/>
        <family val="3"/>
        <charset val="128"/>
      </rPr>
      <t>規則高懸念物質（</t>
    </r>
    <r>
      <rPr>
        <sz val="10"/>
        <color theme="1"/>
        <rFont val="Arial"/>
        <family val="2"/>
      </rPr>
      <t>SVHC</t>
    </r>
    <r>
      <rPr>
        <sz val="10"/>
        <color theme="1"/>
        <rFont val="ＭＳ Ｐゴシック"/>
        <family val="3"/>
        <charset val="128"/>
      </rPr>
      <t>）</t>
    </r>
    <rPh sb="5" eb="7">
      <t>キソク</t>
    </rPh>
    <rPh sb="7" eb="8">
      <t>コウ</t>
    </rPh>
    <rPh sb="8" eb="10">
      <t>ケネン</t>
    </rPh>
    <rPh sb="10" eb="12">
      <t>ブッシツ</t>
    </rPh>
    <phoneticPr fontId="9"/>
  </si>
  <si>
    <t>クロム及びクロム化合物（六価クロム化合物を除く）</t>
    <phoneticPr fontId="9"/>
  </si>
  <si>
    <r>
      <rPr>
        <sz val="11"/>
        <rFont val="ＭＳ Ｐゴシック"/>
        <family val="3"/>
        <charset val="128"/>
      </rPr>
      <t>ポリ塩化ビニル（</t>
    </r>
    <r>
      <rPr>
        <sz val="11"/>
        <rFont val="Arial"/>
        <family val="2"/>
      </rPr>
      <t>PVC</t>
    </r>
    <r>
      <rPr>
        <sz val="11"/>
        <rFont val="ＭＳ Ｐゴシック"/>
        <family val="3"/>
        <charset val="128"/>
      </rPr>
      <t>）</t>
    </r>
    <rPh sb="2" eb="4">
      <t>エンカ</t>
    </rPh>
    <phoneticPr fontId="9"/>
  </si>
  <si>
    <r>
      <rPr>
        <sz val="10"/>
        <rFont val="ＭＳ Ｐゴシック"/>
        <family val="3"/>
        <charset val="128"/>
      </rPr>
      <t>中鎖塩素化パラフィン（</t>
    </r>
    <r>
      <rPr>
        <sz val="10"/>
        <rFont val="Arial"/>
        <family val="2"/>
      </rPr>
      <t>MCCP</t>
    </r>
    <r>
      <rPr>
        <sz val="10"/>
        <rFont val="ＭＳ Ｐゴシック"/>
        <family val="3"/>
        <charset val="128"/>
      </rPr>
      <t>）［群]（炭素数</t>
    </r>
    <r>
      <rPr>
        <sz val="10"/>
        <rFont val="Arial"/>
        <family val="2"/>
      </rPr>
      <t>14</t>
    </r>
    <r>
      <rPr>
        <sz val="10"/>
        <rFont val="ＭＳ Ｐゴシック"/>
        <family val="3"/>
        <charset val="128"/>
      </rPr>
      <t>～</t>
    </r>
    <r>
      <rPr>
        <sz val="10"/>
        <rFont val="Arial"/>
        <family val="2"/>
      </rPr>
      <t>19</t>
    </r>
    <r>
      <rPr>
        <sz val="10"/>
        <rFont val="ＭＳ Ｐゴシック"/>
        <family val="3"/>
        <charset val="128"/>
      </rPr>
      <t>）</t>
    </r>
    <phoneticPr fontId="9"/>
  </si>
  <si>
    <r>
      <rPr>
        <sz val="10"/>
        <color theme="1"/>
        <rFont val="ＭＳ Ｐゴシック"/>
        <family val="3"/>
        <charset val="128"/>
      </rPr>
      <t>アルキルフェノール（炭素数</t>
    </r>
    <r>
      <rPr>
        <sz val="10"/>
        <color theme="1"/>
        <rFont val="Arial"/>
        <family val="2"/>
      </rPr>
      <t>5</t>
    </r>
    <r>
      <rPr>
        <sz val="10"/>
        <color theme="1"/>
        <rFont val="ＭＳ Ｐゴシック"/>
        <family val="3"/>
        <charset val="128"/>
      </rPr>
      <t>～</t>
    </r>
    <r>
      <rPr>
        <sz val="10"/>
        <color theme="1"/>
        <rFont val="Arial"/>
        <family val="2"/>
      </rPr>
      <t>9</t>
    </r>
    <r>
      <rPr>
        <sz val="10"/>
        <color theme="1"/>
        <rFont val="ＭＳ Ｐゴシック"/>
        <family val="3"/>
        <charset val="128"/>
      </rPr>
      <t>）（ノニルフェノールは除く）</t>
    </r>
    <phoneticPr fontId="9"/>
  </si>
  <si>
    <r>
      <rPr>
        <sz val="10"/>
        <rFont val="ＭＳ Ｐゴシック"/>
        <family val="3"/>
        <charset val="128"/>
      </rPr>
      <t>ビス（</t>
    </r>
    <r>
      <rPr>
        <sz val="10"/>
        <rFont val="Arial"/>
        <family val="2"/>
      </rPr>
      <t>4-</t>
    </r>
    <r>
      <rPr>
        <sz val="10"/>
        <rFont val="ＭＳ Ｐゴシック"/>
        <family val="3"/>
        <charset val="128"/>
      </rPr>
      <t>ヒドロキシフェニル）スルホン（ビスフェノール</t>
    </r>
    <r>
      <rPr>
        <sz val="10"/>
        <rFont val="Arial"/>
        <family val="2"/>
      </rPr>
      <t>S</t>
    </r>
    <r>
      <rPr>
        <sz val="10"/>
        <rFont val="ＭＳ Ｐゴシック"/>
        <family val="3"/>
        <charset val="128"/>
      </rPr>
      <t>）</t>
    </r>
    <phoneticPr fontId="9"/>
  </si>
  <si>
    <r>
      <t xml:space="preserve">C </t>
    </r>
    <r>
      <rPr>
        <sz val="10"/>
        <color theme="1"/>
        <rFont val="ＭＳ Ｐゴシック"/>
        <family val="3"/>
        <charset val="128"/>
      </rPr>
      <t>調査対象物質（</t>
    </r>
    <r>
      <rPr>
        <sz val="10"/>
        <color theme="1"/>
        <rFont val="Arial"/>
        <family val="2"/>
      </rPr>
      <t>Part 2</t>
    </r>
    <r>
      <rPr>
        <sz val="10"/>
        <color theme="1"/>
        <rFont val="ＭＳ Ｐゴシック"/>
        <family val="3"/>
        <charset val="128"/>
      </rPr>
      <t>）</t>
    </r>
    <rPh sb="2" eb="4">
      <t>チョウサ</t>
    </rPh>
    <rPh sb="4" eb="6">
      <t>タイショウ</t>
    </rPh>
    <rPh sb="6" eb="8">
      <t>ブッシツ</t>
    </rPh>
    <phoneticPr fontId="9"/>
  </si>
  <si>
    <r>
      <rPr>
        <sz val="10"/>
        <rFont val="ＭＳ Ｐゴシック"/>
        <family val="3"/>
        <charset val="128"/>
      </rPr>
      <t>※</t>
    </r>
    <r>
      <rPr>
        <sz val="10"/>
        <rFont val="Arial"/>
        <family val="2"/>
      </rPr>
      <t xml:space="preserve"> “</t>
    </r>
    <r>
      <rPr>
        <sz val="10"/>
        <rFont val="ＭＳ Ｐゴシック"/>
        <family val="3"/>
        <charset val="128"/>
      </rPr>
      <t>（</t>
    </r>
    <r>
      <rPr>
        <sz val="10"/>
        <rFont val="Arial"/>
        <family val="2"/>
      </rPr>
      <t>EU REACH</t>
    </r>
    <r>
      <rPr>
        <sz val="10"/>
        <rFont val="ＭＳ Ｐゴシック"/>
        <family val="3"/>
        <charset val="128"/>
      </rPr>
      <t>規則）</t>
    </r>
    <r>
      <rPr>
        <sz val="10"/>
        <rFont val="Arial"/>
        <family val="2"/>
      </rPr>
      <t>”</t>
    </r>
    <r>
      <rPr>
        <sz val="10"/>
        <rFont val="ＭＳ Ｐゴシック"/>
        <family val="3"/>
        <charset val="128"/>
      </rPr>
      <t>の記載は認可対象</t>
    </r>
    <r>
      <rPr>
        <sz val="10"/>
        <rFont val="Arial"/>
        <family val="2"/>
      </rPr>
      <t>SVHC</t>
    </r>
    <r>
      <rPr>
        <sz val="10"/>
        <rFont val="ＭＳ Ｐゴシック"/>
        <family val="3"/>
        <charset val="128"/>
      </rPr>
      <t>としてリスト化されているという意味</t>
    </r>
    <rPh sb="17" eb="19">
      <t>キサイ</t>
    </rPh>
    <rPh sb="20" eb="22">
      <t>ニンカ</t>
    </rPh>
    <rPh sb="22" eb="24">
      <t>タイショウ</t>
    </rPh>
    <rPh sb="34" eb="35">
      <t>カ</t>
    </rPh>
    <rPh sb="43" eb="45">
      <t>イミ</t>
    </rPh>
    <phoneticPr fontId="9"/>
  </si>
  <si>
    <r>
      <t xml:space="preserve"> C2-</t>
    </r>
    <r>
      <rPr>
        <sz val="9"/>
        <rFont val="ＭＳ Ｐゴシック"/>
        <family val="3"/>
        <charset val="128"/>
      </rPr>
      <t>別表</t>
    </r>
    <rPh sb="4" eb="6">
      <t>ベッピョウ</t>
    </rPh>
    <phoneticPr fontId="9"/>
  </si>
  <si>
    <t>Note) All newly-adopted parts and materials.
         Packaging which is used for delivered parts/materials is applied.
         Please report the substances containing in the packaging with the same standard (threshold).
         However, the packaging is not applicable when it is clear that packaging will be discarded at SDP site 
         and no possibility of migration and adulteration of object substances to the parts and the materials.</t>
    <phoneticPr fontId="9"/>
  </si>
  <si>
    <r>
      <rPr>
        <sz val="11"/>
        <rFont val="ＭＳ Ｐゴシック"/>
        <family val="3"/>
        <charset val="128"/>
      </rPr>
      <t>　　　　　　　責任者／</t>
    </r>
    <r>
      <rPr>
        <sz val="9"/>
        <rFont val="Arial"/>
        <family val="2"/>
      </rPr>
      <t>Responsible Person</t>
    </r>
    <phoneticPr fontId="9"/>
  </si>
  <si>
    <r>
      <rPr>
        <sz val="11"/>
        <rFont val="ＭＳ Ｐゴシック"/>
        <family val="3"/>
        <charset val="128"/>
      </rPr>
      <t>　　　　　　　作成者／</t>
    </r>
    <r>
      <rPr>
        <sz val="9"/>
        <rFont val="Arial"/>
        <family val="2"/>
      </rPr>
      <t>Writer</t>
    </r>
    <phoneticPr fontId="9"/>
  </si>
  <si>
    <r>
      <rPr>
        <sz val="11"/>
        <color theme="1"/>
        <rFont val="ＭＳ Ｐゴシック"/>
        <family val="3"/>
        <charset val="128"/>
      </rPr>
      <t>上記（</t>
    </r>
    <r>
      <rPr>
        <sz val="11"/>
        <color theme="1"/>
        <rFont val="Arial"/>
        <family val="2"/>
      </rPr>
      <t>1</t>
    </r>
    <r>
      <rPr>
        <sz val="11"/>
        <color theme="1"/>
        <rFont val="ＭＳ Ｐゴシック"/>
        <family val="3"/>
        <charset val="128"/>
      </rPr>
      <t>）に該当しない条件で使用されている／</t>
    </r>
    <rPh sb="6" eb="8">
      <t>ガイトウ</t>
    </rPh>
    <rPh sb="11" eb="13">
      <t>ジョウケン</t>
    </rPh>
    <rPh sb="14" eb="16">
      <t>シヨウ</t>
    </rPh>
    <phoneticPr fontId="9"/>
  </si>
  <si>
    <t>Used under conditions that do not correspond to (1) above.</t>
    <phoneticPr fontId="9"/>
  </si>
  <si>
    <r>
      <t xml:space="preserve">*8) </t>
    </r>
    <r>
      <rPr>
        <sz val="10"/>
        <rFont val="ＭＳ Ｐゴシック"/>
        <family val="3"/>
        <charset val="128"/>
      </rPr>
      <t>ハロゲン物質及びフタル酸エステルの分析データは、依頼元からの要求がある場合のみ提出願います。分析データは分析機関が発行した試験結果報告書を提出願います。</t>
    </r>
    <r>
      <rPr>
        <sz val="10"/>
        <rFont val="Arial"/>
        <family val="2"/>
      </rPr>
      <t xml:space="preserve"> </t>
    </r>
    <r>
      <rPr>
        <sz val="10"/>
        <rFont val="ＭＳ Ｐゴシック"/>
        <family val="3"/>
        <charset val="128"/>
      </rPr>
      <t>／</t>
    </r>
    <r>
      <rPr>
        <sz val="10"/>
        <rFont val="Arial"/>
        <family val="2"/>
      </rPr>
      <t xml:space="preserve">
       Please submit an analysis report on halogen substances and phthalates, only when there is the request from the SDP's department.
       And please ensure that it is the report on the result of examination issued by analytical organization.</t>
    </r>
    <phoneticPr fontId="9"/>
  </si>
  <si>
    <r>
      <rPr>
        <sz val="10"/>
        <rFont val="ＭＳ Ｐゴシック"/>
        <family val="3"/>
        <charset val="128"/>
      </rPr>
      <t>※</t>
    </r>
    <r>
      <rPr>
        <sz val="10"/>
        <rFont val="Arial"/>
        <family val="2"/>
      </rPr>
      <t xml:space="preserve"> SDP</t>
    </r>
    <r>
      <rPr>
        <sz val="10"/>
        <rFont val="ＭＳ Ｐゴシック"/>
        <family val="3"/>
        <charset val="128"/>
      </rPr>
      <t>独自調査対象化学物質／</t>
    </r>
    <r>
      <rPr>
        <sz val="10"/>
        <rFont val="Arial"/>
        <family val="2"/>
      </rPr>
      <t>SDP-Specific Survey-Targeted Chemical Substances</t>
    </r>
    <phoneticPr fontId="9"/>
  </si>
  <si>
    <r>
      <t xml:space="preserve">*1) </t>
    </r>
    <r>
      <rPr>
        <sz val="10"/>
        <rFont val="ＭＳ Ｐゴシック"/>
        <family val="3"/>
        <charset val="128"/>
      </rPr>
      <t>含有率の算出単位は均質材料です。／</t>
    </r>
    <r>
      <rPr>
        <sz val="10"/>
        <rFont val="Arial"/>
        <family val="2"/>
      </rPr>
      <t>Unit for calculating content rate is homogeneous material.</t>
    </r>
    <phoneticPr fontId="9"/>
  </si>
  <si>
    <r>
      <t xml:space="preserve">3. </t>
    </r>
    <r>
      <rPr>
        <b/>
        <u/>
        <sz val="11"/>
        <rFont val="ＭＳ Ｐゴシック"/>
        <family val="3"/>
        <charset val="128"/>
      </rPr>
      <t>フタル酸エステル６種使用状況（工程管理）に関する確認事項</t>
    </r>
    <r>
      <rPr>
        <sz val="11"/>
        <rFont val="ＭＳ Ｐゴシック"/>
        <family val="3"/>
        <charset val="128"/>
      </rPr>
      <t>　／</t>
    </r>
    <r>
      <rPr>
        <sz val="11"/>
        <rFont val="Arial"/>
        <family val="2"/>
      </rPr>
      <t xml:space="preserve">Points to be checked on phthalate usage condition (process control) </t>
    </r>
    <rPh sb="6" eb="7">
      <t>サン</t>
    </rPh>
    <rPh sb="12" eb="13">
      <t>シュ</t>
    </rPh>
    <rPh sb="13" eb="15">
      <t>シヨウ</t>
    </rPh>
    <rPh sb="15" eb="17">
      <t>ジョウキョウ</t>
    </rPh>
    <rPh sb="18" eb="20">
      <t>コウテイ</t>
    </rPh>
    <rPh sb="20" eb="22">
      <t>カンリ</t>
    </rPh>
    <rPh sb="24" eb="25">
      <t>カン</t>
    </rPh>
    <rPh sb="27" eb="29">
      <t>カクニン</t>
    </rPh>
    <rPh sb="29" eb="31">
      <t>ジコウ</t>
    </rPh>
    <phoneticPr fontId="81"/>
  </si>
  <si>
    <r>
      <t xml:space="preserve">4. </t>
    </r>
    <r>
      <rPr>
        <b/>
        <u/>
        <sz val="11"/>
        <rFont val="ＭＳ Ｐゴシック"/>
        <family val="3"/>
        <charset val="128"/>
      </rPr>
      <t>管理物質に関する確認事項</t>
    </r>
    <r>
      <rPr>
        <sz val="11"/>
        <rFont val="ＭＳ Ｐゴシック"/>
        <family val="3"/>
        <charset val="128"/>
      </rPr>
      <t>　／</t>
    </r>
    <r>
      <rPr>
        <sz val="11"/>
        <rFont val="Arial"/>
        <family val="2"/>
      </rPr>
      <t>Points to be checked on  managed substances</t>
    </r>
    <rPh sb="3" eb="5">
      <t>カンリ</t>
    </rPh>
    <rPh sb="5" eb="7">
      <t>ブッシツ</t>
    </rPh>
    <rPh sb="8" eb="9">
      <t>カン</t>
    </rPh>
    <rPh sb="11" eb="13">
      <t>カクニン</t>
    </rPh>
    <rPh sb="13" eb="15">
      <t>ジコウ</t>
    </rPh>
    <phoneticPr fontId="81"/>
  </si>
  <si>
    <r>
      <rPr>
        <sz val="11"/>
        <rFont val="ＭＳ Ｐゴシック"/>
        <family val="3"/>
        <charset val="128"/>
      </rPr>
      <t>確認結果が基準を満たさない場合は、含有情報を</t>
    </r>
    <r>
      <rPr>
        <sz val="11"/>
        <rFont val="Arial"/>
        <family val="2"/>
      </rPr>
      <t>chemSHERPA</t>
    </r>
    <r>
      <rPr>
        <sz val="11"/>
        <rFont val="ＭＳ Ｐゴシック"/>
        <family val="3"/>
        <charset val="128"/>
      </rPr>
      <t>で開示します。／</t>
    </r>
    <r>
      <rPr>
        <sz val="11"/>
        <rFont val="Arial"/>
        <family val="2"/>
      </rPr>
      <t>If the check result does not meet the criteria, we disclose content information in chemSHERPA..</t>
    </r>
    <rPh sb="0" eb="2">
      <t>カクニン</t>
    </rPh>
    <rPh sb="2" eb="4">
      <t>ケッカ</t>
    </rPh>
    <rPh sb="5" eb="7">
      <t>キジュン</t>
    </rPh>
    <rPh sb="8" eb="9">
      <t>ミ</t>
    </rPh>
    <rPh sb="13" eb="15">
      <t>バアイ</t>
    </rPh>
    <rPh sb="17" eb="19">
      <t>ガンユウ</t>
    </rPh>
    <rPh sb="19" eb="21">
      <t>ジョウホウ</t>
    </rPh>
    <rPh sb="33" eb="35">
      <t>カイジ</t>
    </rPh>
    <phoneticPr fontId="9"/>
  </si>
  <si>
    <r>
      <rPr>
        <sz val="11"/>
        <rFont val="ＭＳ Ｐゴシック"/>
        <family val="3"/>
        <charset val="128"/>
      </rPr>
      <t>化学物質名</t>
    </r>
    <r>
      <rPr>
        <sz val="11"/>
        <rFont val="Arial"/>
        <family val="2"/>
      </rPr>
      <t xml:space="preserve"> </t>
    </r>
    <r>
      <rPr>
        <sz val="11"/>
        <rFont val="ＭＳ Ｐゴシック"/>
        <family val="3"/>
        <charset val="128"/>
      </rPr>
      <t>／</t>
    </r>
    <r>
      <rPr>
        <sz val="11"/>
        <rFont val="Arial"/>
        <family val="2"/>
      </rPr>
      <t xml:space="preserve"> Substances</t>
    </r>
    <rPh sb="0" eb="2">
      <t>カガク</t>
    </rPh>
    <rPh sb="2" eb="4">
      <t>ブッシツ</t>
    </rPh>
    <rPh sb="4" eb="5">
      <t>メイ</t>
    </rPh>
    <phoneticPr fontId="81"/>
  </si>
  <si>
    <r>
      <rPr>
        <sz val="11"/>
        <rFont val="ＭＳ Ｐゴシック"/>
        <family val="3"/>
        <charset val="128"/>
      </rPr>
      <t>確認内容　／</t>
    </r>
    <r>
      <rPr>
        <sz val="11"/>
        <rFont val="Arial"/>
        <family val="2"/>
      </rPr>
      <t xml:space="preserve"> Criteria *1)</t>
    </r>
    <rPh sb="0" eb="2">
      <t>カクニン</t>
    </rPh>
    <rPh sb="2" eb="4">
      <t>ナイヨウ</t>
    </rPh>
    <phoneticPr fontId="81"/>
  </si>
  <si>
    <r>
      <rPr>
        <sz val="11"/>
        <rFont val="ＭＳ Ｐゴシック"/>
        <family val="3"/>
        <charset val="128"/>
      </rPr>
      <t>確認結果</t>
    </r>
    <r>
      <rPr>
        <sz val="11"/>
        <rFont val="Arial"/>
        <family val="2"/>
      </rPr>
      <t xml:space="preserve"> </t>
    </r>
    <r>
      <rPr>
        <sz val="11"/>
        <rFont val="ＭＳ Ｐゴシック"/>
        <family val="3"/>
        <charset val="128"/>
      </rPr>
      <t>／</t>
    </r>
    <r>
      <rPr>
        <sz val="11"/>
        <rFont val="Arial"/>
        <family val="2"/>
      </rPr>
      <t xml:space="preserve"> Result</t>
    </r>
    <rPh sb="0" eb="2">
      <t>カクニン</t>
    </rPh>
    <rPh sb="2" eb="4">
      <t>ケッカ</t>
    </rPh>
    <phoneticPr fontId="81"/>
  </si>
  <si>
    <r>
      <rPr>
        <sz val="11"/>
        <rFont val="ＭＳ Ｐゴシック"/>
        <family val="3"/>
        <charset val="128"/>
      </rPr>
      <t>確認事項</t>
    </r>
    <r>
      <rPr>
        <sz val="11"/>
        <rFont val="Arial"/>
        <family val="2"/>
      </rPr>
      <t xml:space="preserve"> </t>
    </r>
    <r>
      <rPr>
        <sz val="11"/>
        <rFont val="ＭＳ Ｐゴシック"/>
        <family val="3"/>
        <charset val="128"/>
      </rPr>
      <t>／</t>
    </r>
    <r>
      <rPr>
        <sz val="11"/>
        <rFont val="Arial"/>
        <family val="2"/>
      </rPr>
      <t xml:space="preserve"> Criteria</t>
    </r>
    <rPh sb="0" eb="2">
      <t>カクニン</t>
    </rPh>
    <rPh sb="2" eb="4">
      <t>ジコウ</t>
    </rPh>
    <phoneticPr fontId="81"/>
  </si>
  <si>
    <r>
      <rPr>
        <sz val="11"/>
        <rFont val="ＭＳ Ｐゴシック"/>
        <family val="3"/>
        <charset val="128"/>
      </rPr>
      <t>回答欄</t>
    </r>
    <r>
      <rPr>
        <sz val="11"/>
        <rFont val="Arial"/>
        <family val="2"/>
      </rPr>
      <t xml:space="preserve"> </t>
    </r>
    <r>
      <rPr>
        <sz val="11"/>
        <rFont val="ＭＳ Ｐゴシック"/>
        <family val="3"/>
        <charset val="128"/>
      </rPr>
      <t>／</t>
    </r>
    <r>
      <rPr>
        <sz val="11"/>
        <rFont val="Arial"/>
        <family val="2"/>
      </rPr>
      <t xml:space="preserve"> Verified results</t>
    </r>
    <rPh sb="0" eb="2">
      <t>カイトウ</t>
    </rPh>
    <rPh sb="2" eb="3">
      <t>ラン</t>
    </rPh>
    <phoneticPr fontId="81"/>
  </si>
  <si>
    <r>
      <rPr>
        <sz val="11"/>
        <rFont val="ＭＳ Ｐゴシック"/>
        <family val="3"/>
        <charset val="128"/>
      </rPr>
      <t>確認内容　／</t>
    </r>
    <r>
      <rPr>
        <sz val="11"/>
        <rFont val="Arial"/>
        <family val="2"/>
      </rPr>
      <t xml:space="preserve"> Criteria *9)</t>
    </r>
    <rPh sb="0" eb="2">
      <t>カクニン</t>
    </rPh>
    <rPh sb="2" eb="4">
      <t>ナイヨウ</t>
    </rPh>
    <phoneticPr fontId="81"/>
  </si>
  <si>
    <r>
      <rPr>
        <sz val="11"/>
        <rFont val="ＭＳ Ｐゴシック"/>
        <family val="3"/>
        <charset val="128"/>
      </rPr>
      <t>確認結果</t>
    </r>
    <r>
      <rPr>
        <sz val="11"/>
        <rFont val="Arial"/>
        <family val="2"/>
      </rPr>
      <t xml:space="preserve"> </t>
    </r>
    <r>
      <rPr>
        <sz val="11"/>
        <rFont val="ＭＳ Ｐゴシック"/>
        <family val="3"/>
        <charset val="128"/>
      </rPr>
      <t>／</t>
    </r>
    <r>
      <rPr>
        <sz val="11"/>
        <rFont val="Arial"/>
        <family val="2"/>
      </rPr>
      <t xml:space="preserve"> Result *2)</t>
    </r>
    <rPh sb="0" eb="2">
      <t>カクニン</t>
    </rPh>
    <rPh sb="2" eb="4">
      <t>ケッカ</t>
    </rPh>
    <phoneticPr fontId="81"/>
  </si>
  <si>
    <t>60-11-7</t>
    <phoneticPr fontId="9"/>
  </si>
  <si>
    <r>
      <rPr>
        <sz val="10"/>
        <rFont val="ＭＳ Ｐゴシック"/>
        <family val="3"/>
        <charset val="128"/>
      </rPr>
      <t>塩化パラフィン（平均炭素数</t>
    </r>
    <r>
      <rPr>
        <sz val="10"/>
        <rFont val="Arial"/>
        <family val="2"/>
      </rPr>
      <t>23</t>
    </r>
    <r>
      <rPr>
        <sz val="10"/>
        <rFont val="ＭＳ Ｐゴシック"/>
        <family val="3"/>
        <charset val="128"/>
      </rPr>
      <t>、平均塩素化率</t>
    </r>
    <r>
      <rPr>
        <sz val="10"/>
        <rFont val="Arial"/>
        <family val="2"/>
      </rPr>
      <t>43</t>
    </r>
    <r>
      <rPr>
        <sz val="10"/>
        <rFont val="ＭＳ Ｐゴシック"/>
        <family val="3"/>
        <charset val="128"/>
      </rPr>
      <t>％</t>
    </r>
    <r>
      <rPr>
        <sz val="10"/>
        <rFont val="Arial"/>
        <family val="2"/>
      </rPr>
      <t>)</t>
    </r>
    <phoneticPr fontId="9"/>
  </si>
  <si>
    <r>
      <t>管理番号</t>
    </r>
    <r>
      <rPr>
        <sz val="10"/>
        <rFont val="Arial"/>
        <family val="2"/>
      </rPr>
      <t>6</t>
    </r>
    <r>
      <rPr>
        <sz val="10"/>
        <rFont val="ＭＳ Ｐゴシック"/>
        <family val="3"/>
        <charset val="128"/>
      </rPr>
      <t>から</t>
    </r>
    <r>
      <rPr>
        <sz val="10"/>
        <rFont val="Arial"/>
        <family val="2"/>
      </rPr>
      <t>5</t>
    </r>
    <r>
      <rPr>
        <sz val="10"/>
        <rFont val="ＭＳ Ｐゴシック"/>
        <family val="3"/>
        <charset val="128"/>
      </rPr>
      <t>へ変更</t>
    </r>
    <rPh sb="0" eb="2">
      <t>カンリ</t>
    </rPh>
    <rPh sb="2" eb="4">
      <t>バンゴウ</t>
    </rPh>
    <rPh sb="9" eb="11">
      <t>ヘンコウ</t>
    </rPh>
    <phoneticPr fontId="9"/>
  </si>
  <si>
    <r>
      <t>管理番号</t>
    </r>
    <r>
      <rPr>
        <sz val="10"/>
        <rFont val="Arial"/>
        <family val="2"/>
      </rPr>
      <t>7</t>
    </r>
    <r>
      <rPr>
        <sz val="10"/>
        <rFont val="ＭＳ Ｐゴシック"/>
        <family val="3"/>
        <charset val="128"/>
      </rPr>
      <t>から</t>
    </r>
    <r>
      <rPr>
        <sz val="10"/>
        <rFont val="Arial"/>
        <family val="2"/>
      </rPr>
      <t>6</t>
    </r>
    <r>
      <rPr>
        <sz val="10"/>
        <rFont val="ＭＳ Ｐゴシック"/>
        <family val="3"/>
        <charset val="128"/>
      </rPr>
      <t>へ変更</t>
    </r>
    <rPh sb="0" eb="2">
      <t>カンリ</t>
    </rPh>
    <rPh sb="2" eb="4">
      <t>バンゴウ</t>
    </rPh>
    <rPh sb="9" eb="11">
      <t>ヘンコウ</t>
    </rPh>
    <phoneticPr fontId="9"/>
  </si>
  <si>
    <r>
      <t>管理番号</t>
    </r>
    <r>
      <rPr>
        <sz val="10"/>
        <rFont val="Arial"/>
        <family val="2"/>
      </rPr>
      <t>8</t>
    </r>
    <r>
      <rPr>
        <sz val="10"/>
        <rFont val="ＭＳ Ｐゴシック"/>
        <family val="3"/>
        <charset val="128"/>
      </rPr>
      <t>から</t>
    </r>
    <r>
      <rPr>
        <sz val="10"/>
        <rFont val="Arial"/>
        <family val="2"/>
      </rPr>
      <t>7</t>
    </r>
    <r>
      <rPr>
        <sz val="10"/>
        <rFont val="ＭＳ Ｐゴシック"/>
        <family val="3"/>
        <charset val="128"/>
      </rPr>
      <t>へ変更</t>
    </r>
    <rPh sb="0" eb="2">
      <t>カンリ</t>
    </rPh>
    <rPh sb="2" eb="4">
      <t>バンゴウ</t>
    </rPh>
    <rPh sb="9" eb="11">
      <t>ヘンコウ</t>
    </rPh>
    <phoneticPr fontId="9"/>
  </si>
  <si>
    <r>
      <t>管理番号</t>
    </r>
    <r>
      <rPr>
        <sz val="10"/>
        <rFont val="Arial"/>
        <family val="2"/>
      </rPr>
      <t>9</t>
    </r>
    <r>
      <rPr>
        <sz val="10"/>
        <rFont val="ＭＳ Ｐゴシック"/>
        <family val="3"/>
        <charset val="128"/>
      </rPr>
      <t>から</t>
    </r>
    <r>
      <rPr>
        <sz val="10"/>
        <rFont val="Arial"/>
        <family val="2"/>
      </rPr>
      <t>8</t>
    </r>
    <r>
      <rPr>
        <sz val="10"/>
        <rFont val="ＭＳ Ｐゴシック"/>
        <family val="3"/>
        <charset val="128"/>
      </rPr>
      <t>へ変更</t>
    </r>
    <rPh sb="0" eb="2">
      <t>カンリ</t>
    </rPh>
    <rPh sb="2" eb="4">
      <t>バンゴウ</t>
    </rPh>
    <rPh sb="9" eb="11">
      <t>ヘンコウ</t>
    </rPh>
    <phoneticPr fontId="9"/>
  </si>
  <si>
    <r>
      <t>管理番号</t>
    </r>
    <r>
      <rPr>
        <sz val="10"/>
        <rFont val="Arial"/>
        <family val="2"/>
      </rPr>
      <t>10</t>
    </r>
    <r>
      <rPr>
        <sz val="10"/>
        <rFont val="ＭＳ Ｐゴシック"/>
        <family val="3"/>
        <charset val="128"/>
      </rPr>
      <t>から</t>
    </r>
    <r>
      <rPr>
        <sz val="10"/>
        <rFont val="Arial"/>
        <family val="2"/>
      </rPr>
      <t>9</t>
    </r>
    <r>
      <rPr>
        <sz val="10"/>
        <rFont val="ＭＳ Ｐゴシック"/>
        <family val="3"/>
        <charset val="128"/>
      </rPr>
      <t>へ変更</t>
    </r>
    <rPh sb="0" eb="2">
      <t>カンリ</t>
    </rPh>
    <rPh sb="2" eb="4">
      <t>バンゴウ</t>
    </rPh>
    <rPh sb="10" eb="12">
      <t>ヘンコウ</t>
    </rPh>
    <phoneticPr fontId="9"/>
  </si>
  <si>
    <r>
      <t>管理番号</t>
    </r>
    <r>
      <rPr>
        <sz val="10"/>
        <rFont val="Arial"/>
        <family val="2"/>
      </rPr>
      <t>11</t>
    </r>
    <r>
      <rPr>
        <sz val="10"/>
        <rFont val="ＭＳ Ｐゴシック"/>
        <family val="3"/>
        <charset val="128"/>
      </rPr>
      <t>から</t>
    </r>
    <r>
      <rPr>
        <sz val="10"/>
        <rFont val="Arial"/>
        <family val="2"/>
      </rPr>
      <t>10</t>
    </r>
    <r>
      <rPr>
        <sz val="10"/>
        <rFont val="ＭＳ Ｐゴシック"/>
        <family val="3"/>
        <charset val="128"/>
      </rPr>
      <t>へ変更</t>
    </r>
    <rPh sb="0" eb="2">
      <t>カンリ</t>
    </rPh>
    <rPh sb="2" eb="4">
      <t>バンゴウ</t>
    </rPh>
    <rPh sb="11" eb="13">
      <t>ヘンコウ</t>
    </rPh>
    <phoneticPr fontId="9"/>
  </si>
  <si>
    <r>
      <t>管理番号</t>
    </r>
    <r>
      <rPr>
        <sz val="10"/>
        <rFont val="Arial"/>
        <family val="2"/>
      </rPr>
      <t>12</t>
    </r>
    <r>
      <rPr>
        <sz val="10"/>
        <rFont val="ＭＳ Ｐゴシック"/>
        <family val="3"/>
        <charset val="128"/>
      </rPr>
      <t>から</t>
    </r>
    <r>
      <rPr>
        <sz val="10"/>
        <rFont val="Arial"/>
        <family val="2"/>
      </rPr>
      <t>11</t>
    </r>
    <r>
      <rPr>
        <sz val="10"/>
        <rFont val="ＭＳ Ｐゴシック"/>
        <family val="3"/>
        <charset val="128"/>
      </rPr>
      <t>変更</t>
    </r>
    <rPh sb="0" eb="2">
      <t>カンリ</t>
    </rPh>
    <rPh sb="2" eb="4">
      <t>バンゴウ</t>
    </rPh>
    <rPh sb="10" eb="12">
      <t>ヘンコウ</t>
    </rPh>
    <phoneticPr fontId="9"/>
  </si>
  <si>
    <r>
      <t>管理番号</t>
    </r>
    <r>
      <rPr>
        <sz val="10"/>
        <rFont val="Arial"/>
        <family val="2"/>
      </rPr>
      <t>13</t>
    </r>
    <r>
      <rPr>
        <sz val="10"/>
        <rFont val="ＭＳ Ｐゴシック"/>
        <family val="3"/>
        <charset val="128"/>
      </rPr>
      <t>から</t>
    </r>
    <r>
      <rPr>
        <sz val="10"/>
        <rFont val="Arial"/>
        <family val="2"/>
      </rPr>
      <t>12</t>
    </r>
    <r>
      <rPr>
        <sz val="10"/>
        <rFont val="ＭＳ Ｐゴシック"/>
        <family val="3"/>
        <charset val="128"/>
      </rPr>
      <t>へ変更</t>
    </r>
    <rPh sb="0" eb="2">
      <t>カンリ</t>
    </rPh>
    <rPh sb="2" eb="4">
      <t>バンゴウ</t>
    </rPh>
    <rPh sb="11" eb="13">
      <t>ヘンコウ</t>
    </rPh>
    <phoneticPr fontId="9"/>
  </si>
  <si>
    <r>
      <t>管理対象項目をデバイス系条件付禁止
から</t>
    </r>
    <r>
      <rPr>
        <sz val="10"/>
        <rFont val="Arial"/>
        <family val="2"/>
      </rPr>
      <t>B2</t>
    </r>
    <r>
      <rPr>
        <sz val="10"/>
        <rFont val="ＭＳ Ｐゴシック"/>
        <family val="3"/>
        <charset val="128"/>
      </rPr>
      <t>項に変更</t>
    </r>
    <rPh sb="0" eb="2">
      <t>カンリ</t>
    </rPh>
    <rPh sb="2" eb="4">
      <t>タイショウ</t>
    </rPh>
    <rPh sb="4" eb="6">
      <t>コウモク</t>
    </rPh>
    <rPh sb="11" eb="12">
      <t>ケイ</t>
    </rPh>
    <rPh sb="12" eb="14">
      <t>ジョウケン</t>
    </rPh>
    <rPh sb="14" eb="15">
      <t>ツキ</t>
    </rPh>
    <rPh sb="15" eb="17">
      <t>キンシ</t>
    </rPh>
    <rPh sb="22" eb="23">
      <t>コウ</t>
    </rPh>
    <rPh sb="24" eb="26">
      <t>ヘンコウ</t>
    </rPh>
    <phoneticPr fontId="9"/>
  </si>
  <si>
    <r>
      <t>管理番号</t>
    </r>
    <r>
      <rPr>
        <sz val="10"/>
        <rFont val="Arial"/>
        <family val="2"/>
      </rPr>
      <t>10</t>
    </r>
    <r>
      <rPr>
        <sz val="10"/>
        <rFont val="ＭＳ Ｐゴシック"/>
        <family val="3"/>
        <charset val="128"/>
      </rPr>
      <t>から</t>
    </r>
    <r>
      <rPr>
        <sz val="10"/>
        <rFont val="Arial"/>
        <family val="2"/>
      </rPr>
      <t>9</t>
    </r>
    <r>
      <rPr>
        <sz val="10"/>
        <rFont val="ＭＳ Ｐゴシック"/>
        <family val="3"/>
        <charset val="128"/>
      </rPr>
      <t>に変更</t>
    </r>
    <rPh sb="0" eb="2">
      <t>カンリ</t>
    </rPh>
    <rPh sb="2" eb="4">
      <t>バンゴウ</t>
    </rPh>
    <rPh sb="10" eb="12">
      <t>ヘンコウ</t>
    </rPh>
    <phoneticPr fontId="9"/>
  </si>
  <si>
    <r>
      <t>管理番号</t>
    </r>
    <r>
      <rPr>
        <sz val="10"/>
        <rFont val="Arial"/>
        <family val="2"/>
      </rPr>
      <t>11</t>
    </r>
    <r>
      <rPr>
        <sz val="10"/>
        <rFont val="ＭＳ Ｐゴシック"/>
        <family val="3"/>
        <charset val="128"/>
      </rPr>
      <t>から</t>
    </r>
    <r>
      <rPr>
        <sz val="10"/>
        <rFont val="Arial"/>
        <family val="2"/>
      </rPr>
      <t>10</t>
    </r>
    <r>
      <rPr>
        <sz val="10"/>
        <rFont val="ＭＳ Ｐゴシック"/>
        <family val="3"/>
        <charset val="128"/>
      </rPr>
      <t>に変更</t>
    </r>
    <phoneticPr fontId="9"/>
  </si>
  <si>
    <r>
      <t xml:space="preserve">1. </t>
    </r>
    <r>
      <rPr>
        <b/>
        <u/>
        <sz val="11"/>
        <color theme="1"/>
        <rFont val="ＭＳ Ｐゴシック"/>
        <family val="3"/>
        <charset val="128"/>
      </rPr>
      <t>調査確認製品</t>
    </r>
    <r>
      <rPr>
        <b/>
        <u/>
        <sz val="11"/>
        <color theme="1"/>
        <rFont val="Arial"/>
        <family val="2"/>
      </rPr>
      <t xml:space="preserve"> </t>
    </r>
    <r>
      <rPr>
        <b/>
        <u/>
        <sz val="11"/>
        <color theme="1"/>
        <rFont val="ＭＳ Ｐゴシック"/>
        <family val="3"/>
        <charset val="128"/>
      </rPr>
      <t>／</t>
    </r>
    <r>
      <rPr>
        <b/>
        <u/>
        <sz val="11"/>
        <color theme="1"/>
        <rFont val="Arial"/>
        <family val="2"/>
      </rPr>
      <t xml:space="preserve"> </t>
    </r>
    <r>
      <rPr>
        <u/>
        <sz val="11"/>
        <color theme="1"/>
        <rFont val="Arial"/>
        <family val="2"/>
      </rPr>
      <t>Information on surveryed product</t>
    </r>
    <rPh sb="3" eb="5">
      <t>チョウサ</t>
    </rPh>
    <rPh sb="5" eb="7">
      <t>カクニン</t>
    </rPh>
    <rPh sb="7" eb="9">
      <t>セイヒン</t>
    </rPh>
    <phoneticPr fontId="81"/>
  </si>
  <si>
    <r>
      <t>1</t>
    </r>
    <r>
      <rPr>
        <sz val="11"/>
        <color theme="1"/>
        <rFont val="ＭＳ Ｐゴシック"/>
        <family val="3"/>
        <charset val="128"/>
      </rPr>
      <t>）</t>
    </r>
    <r>
      <rPr>
        <b/>
        <sz val="11"/>
        <color theme="1"/>
        <rFont val="ＭＳ Ｐゴシック"/>
        <family val="3"/>
        <charset val="128"/>
      </rPr>
      <t>製品名</t>
    </r>
    <r>
      <rPr>
        <sz val="11"/>
        <color theme="1"/>
        <rFont val="ＭＳ Ｐゴシック"/>
        <family val="3"/>
        <charset val="128"/>
      </rPr>
      <t>　／　</t>
    </r>
    <r>
      <rPr>
        <sz val="11"/>
        <color theme="1"/>
        <rFont val="Arial"/>
        <family val="2"/>
      </rPr>
      <t>Product Name</t>
    </r>
    <rPh sb="2" eb="4">
      <t>セイヒン</t>
    </rPh>
    <phoneticPr fontId="81"/>
  </si>
  <si>
    <r>
      <t>2</t>
    </r>
    <r>
      <rPr>
        <sz val="11"/>
        <color theme="1"/>
        <rFont val="ＭＳ Ｐゴシック"/>
        <family val="3"/>
        <charset val="128"/>
      </rPr>
      <t>）</t>
    </r>
    <r>
      <rPr>
        <sz val="11"/>
        <color theme="1"/>
        <rFont val="Arial"/>
        <family val="2"/>
      </rPr>
      <t xml:space="preserve"> </t>
    </r>
    <r>
      <rPr>
        <b/>
        <sz val="11"/>
        <color theme="1"/>
        <rFont val="Arial"/>
        <family val="2"/>
      </rPr>
      <t>SDP</t>
    </r>
    <r>
      <rPr>
        <b/>
        <sz val="11"/>
        <color theme="1"/>
        <rFont val="ＭＳ Ｐゴシック"/>
        <family val="3"/>
        <charset val="128"/>
      </rPr>
      <t>部品コード</t>
    </r>
    <r>
      <rPr>
        <sz val="11"/>
        <color theme="1"/>
        <rFont val="ＭＳ Ｐゴシック"/>
        <family val="3"/>
        <charset val="128"/>
      </rPr>
      <t>　／　</t>
    </r>
    <r>
      <rPr>
        <sz val="11"/>
        <color theme="1"/>
        <rFont val="Arial"/>
        <family val="2"/>
      </rPr>
      <t>SDP Part Code Number</t>
    </r>
    <rPh sb="6" eb="8">
      <t>ブヒン</t>
    </rPh>
    <phoneticPr fontId="81"/>
  </si>
  <si>
    <r>
      <t>3</t>
    </r>
    <r>
      <rPr>
        <sz val="11"/>
        <color theme="1"/>
        <rFont val="ＭＳ Ｐゴシック"/>
        <family val="3"/>
        <charset val="128"/>
      </rPr>
      <t>）</t>
    </r>
    <r>
      <rPr>
        <sz val="11"/>
        <color theme="1"/>
        <rFont val="Arial"/>
        <family val="2"/>
      </rPr>
      <t xml:space="preserve"> </t>
    </r>
    <r>
      <rPr>
        <b/>
        <sz val="11"/>
        <color theme="1"/>
        <rFont val="ＭＳ Ｐゴシック"/>
        <family val="3"/>
        <charset val="128"/>
      </rPr>
      <t>メーカー部品コード</t>
    </r>
    <r>
      <rPr>
        <b/>
        <sz val="11"/>
        <color theme="1"/>
        <rFont val="Arial"/>
        <family val="2"/>
      </rPr>
      <t xml:space="preserve"> </t>
    </r>
    <r>
      <rPr>
        <b/>
        <sz val="11"/>
        <color theme="1"/>
        <rFont val="ＭＳ Ｐゴシック"/>
        <family val="3"/>
        <charset val="128"/>
      </rPr>
      <t>／</t>
    </r>
    <r>
      <rPr>
        <sz val="11"/>
        <color theme="1"/>
        <rFont val="Arial"/>
        <family val="2"/>
      </rPr>
      <t xml:space="preserve">  Manufacturer’s Part Code Number</t>
    </r>
    <phoneticPr fontId="81"/>
  </si>
  <si>
    <r>
      <t xml:space="preserve">4) </t>
    </r>
    <r>
      <rPr>
        <b/>
        <sz val="11"/>
        <color theme="1"/>
        <rFont val="ＭＳ Ｐゴシック"/>
        <family val="3"/>
        <charset val="128"/>
      </rPr>
      <t>生産地（工場名）</t>
    </r>
    <r>
      <rPr>
        <b/>
        <sz val="11"/>
        <color theme="1"/>
        <rFont val="Arial"/>
        <family val="2"/>
      </rPr>
      <t xml:space="preserve"> </t>
    </r>
    <r>
      <rPr>
        <b/>
        <sz val="11"/>
        <color theme="1"/>
        <rFont val="ＭＳ Ｐゴシック"/>
        <family val="3"/>
        <charset val="128"/>
      </rPr>
      <t>／</t>
    </r>
    <r>
      <rPr>
        <sz val="11"/>
        <color theme="1"/>
        <rFont val="Arial"/>
        <family val="2"/>
      </rPr>
      <t xml:space="preserve">  Place of production (Factory name)</t>
    </r>
    <phoneticPr fontId="81"/>
  </si>
  <si>
    <r>
      <rPr>
        <b/>
        <sz val="11"/>
        <rFont val="ＭＳ Ｐゴシック"/>
        <family val="3"/>
        <charset val="128"/>
      </rPr>
      <t>下記含有化学物質につき、以下の通りであることを報告します。／</t>
    </r>
    <r>
      <rPr>
        <sz val="11"/>
        <rFont val="Arial"/>
        <family val="2"/>
      </rPr>
      <t xml:space="preserve"> We report on the chemical substances contained in the product delivered to you as follows:</t>
    </r>
    <rPh sb="0" eb="2">
      <t>カキ</t>
    </rPh>
    <rPh sb="2" eb="4">
      <t>ガンユウ</t>
    </rPh>
    <rPh sb="4" eb="6">
      <t>カガク</t>
    </rPh>
    <rPh sb="6" eb="8">
      <t>ブッシツ</t>
    </rPh>
    <rPh sb="12" eb="14">
      <t>イカ</t>
    </rPh>
    <rPh sb="15" eb="16">
      <t>トオ</t>
    </rPh>
    <rPh sb="23" eb="25">
      <t>ホウコク</t>
    </rPh>
    <phoneticPr fontId="81"/>
  </si>
  <si>
    <r>
      <t xml:space="preserve">2. </t>
    </r>
    <r>
      <rPr>
        <b/>
        <u/>
        <sz val="11"/>
        <color theme="1"/>
        <rFont val="ＭＳ Ｐゴシック"/>
        <family val="3"/>
        <charset val="128"/>
      </rPr>
      <t>確認結果</t>
    </r>
    <r>
      <rPr>
        <b/>
        <u/>
        <sz val="11"/>
        <color theme="1"/>
        <rFont val="Arial"/>
        <family val="2"/>
      </rPr>
      <t xml:space="preserve"> </t>
    </r>
    <r>
      <rPr>
        <b/>
        <u/>
        <sz val="11"/>
        <color theme="1"/>
        <rFont val="ＭＳ Ｐゴシック"/>
        <family val="3"/>
        <charset val="128"/>
      </rPr>
      <t>／</t>
    </r>
    <r>
      <rPr>
        <b/>
        <u/>
        <sz val="11"/>
        <color theme="1"/>
        <rFont val="Arial"/>
        <family val="2"/>
      </rPr>
      <t xml:space="preserve"> </t>
    </r>
    <r>
      <rPr>
        <u/>
        <sz val="11"/>
        <color theme="1"/>
        <rFont val="Arial"/>
        <family val="2"/>
      </rPr>
      <t>Verified results</t>
    </r>
    <phoneticPr fontId="81"/>
  </si>
  <si>
    <r>
      <t>2-1</t>
    </r>
    <r>
      <rPr>
        <b/>
        <sz val="11"/>
        <rFont val="ＭＳ Ｐゴシック"/>
        <family val="3"/>
        <charset val="128"/>
      </rPr>
      <t>．全面的に使用を禁止する化学物質の製品への含有について</t>
    </r>
    <r>
      <rPr>
        <b/>
        <sz val="11"/>
        <rFont val="Arial"/>
        <family val="2"/>
      </rPr>
      <t xml:space="preserve"> </t>
    </r>
    <r>
      <rPr>
        <b/>
        <sz val="11"/>
        <rFont val="ＭＳ Ｐゴシック"/>
        <family val="3"/>
        <charset val="128"/>
      </rPr>
      <t>／</t>
    </r>
    <r>
      <rPr>
        <b/>
        <sz val="11"/>
        <rFont val="Arial"/>
        <family val="2"/>
      </rPr>
      <t xml:space="preserve"> Presence of banned substances in the product</t>
    </r>
    <rPh sb="4" eb="7">
      <t>ゼンメンテキ</t>
    </rPh>
    <rPh sb="8" eb="10">
      <t>シヨウ</t>
    </rPh>
    <rPh sb="11" eb="13">
      <t>キンシ</t>
    </rPh>
    <rPh sb="15" eb="17">
      <t>カガク</t>
    </rPh>
    <rPh sb="17" eb="19">
      <t>ブッシツ</t>
    </rPh>
    <rPh sb="20" eb="22">
      <t>セイヒン</t>
    </rPh>
    <rPh sb="24" eb="26">
      <t>ガンユウ</t>
    </rPh>
    <phoneticPr fontId="9"/>
  </si>
  <si>
    <r>
      <rPr>
        <sz val="11"/>
        <rFont val="ＭＳ Ｐゴシック"/>
        <family val="3"/>
        <charset val="128"/>
      </rPr>
      <t>意図的に添加していない。／</t>
    </r>
    <r>
      <rPr>
        <sz val="11"/>
        <rFont val="Arial"/>
        <family val="2"/>
      </rPr>
      <t xml:space="preserve"> Not intentionally added.</t>
    </r>
    <rPh sb="0" eb="3">
      <t>イトテキ</t>
    </rPh>
    <rPh sb="4" eb="6">
      <t>テンカ</t>
    </rPh>
    <phoneticPr fontId="9"/>
  </si>
  <si>
    <r>
      <rPr>
        <sz val="11"/>
        <rFont val="ＭＳ Ｐゴシック"/>
        <family val="3"/>
        <charset val="128"/>
      </rPr>
      <t>意図的に添加せず、かつ含有率</t>
    </r>
    <r>
      <rPr>
        <sz val="11"/>
        <rFont val="Arial"/>
        <family val="2"/>
      </rPr>
      <t xml:space="preserve"> 1000ppm</t>
    </r>
    <r>
      <rPr>
        <sz val="11"/>
        <rFont val="ＭＳ Ｐゴシック"/>
        <family val="3"/>
        <charset val="128"/>
      </rPr>
      <t>未満／</t>
    </r>
    <r>
      <rPr>
        <sz val="11"/>
        <rFont val="Arial"/>
        <family val="2"/>
      </rPr>
      <t xml:space="preserve"> Not intentionally added and the content is less than 1000ppm(0.1%).  </t>
    </r>
    <rPh sb="0" eb="3">
      <t>イトテキ</t>
    </rPh>
    <rPh sb="4" eb="6">
      <t>テンカ</t>
    </rPh>
    <rPh sb="11" eb="13">
      <t>ガンユウ</t>
    </rPh>
    <rPh sb="13" eb="14">
      <t>リツ</t>
    </rPh>
    <rPh sb="22" eb="24">
      <t>ミマン</t>
    </rPh>
    <phoneticPr fontId="9"/>
  </si>
  <si>
    <r>
      <t>*1</t>
    </r>
    <r>
      <rPr>
        <sz val="10"/>
        <rFont val="ＭＳ Ｐゴシック"/>
        <family val="3"/>
        <charset val="128"/>
      </rPr>
      <t>）</t>
    </r>
    <r>
      <rPr>
        <sz val="10"/>
        <rFont val="Arial"/>
        <family val="2"/>
      </rPr>
      <t xml:space="preserve"> </t>
    </r>
    <r>
      <rPr>
        <sz val="10"/>
        <rFont val="ＭＳ Ｐゴシック"/>
        <family val="3"/>
        <charset val="128"/>
      </rPr>
      <t>含有率の算出単位は均質材料です。／</t>
    </r>
    <r>
      <rPr>
        <sz val="10"/>
        <rFont val="Arial"/>
        <family val="2"/>
      </rPr>
      <t xml:space="preserve"> Unit for calculating content rate is homogeneous material.</t>
    </r>
    <phoneticPr fontId="9"/>
  </si>
  <si>
    <r>
      <t>*2</t>
    </r>
    <r>
      <rPr>
        <sz val="10"/>
        <rFont val="ＭＳ Ｐゴシック"/>
        <family val="3"/>
        <charset val="128"/>
      </rPr>
      <t>）</t>
    </r>
    <r>
      <rPr>
        <sz val="10"/>
        <rFont val="Arial"/>
        <family val="2"/>
      </rPr>
      <t xml:space="preserve"> </t>
    </r>
    <r>
      <rPr>
        <sz val="10"/>
        <rFont val="ＭＳ Ｐゴシック"/>
        <family val="3"/>
        <charset val="128"/>
      </rPr>
      <t>日本　化学物質の審査及び製造等の規制に関する法律（化審法）　第</t>
    </r>
    <r>
      <rPr>
        <sz val="10"/>
        <rFont val="Arial"/>
        <family val="2"/>
      </rPr>
      <t>1</t>
    </r>
    <r>
      <rPr>
        <sz val="10"/>
        <rFont val="ＭＳ Ｐゴシック"/>
        <family val="3"/>
        <charset val="128"/>
      </rPr>
      <t>種特定化学物質　／　</t>
    </r>
    <r>
      <rPr>
        <sz val="10"/>
        <rFont val="Arial"/>
        <family val="2"/>
      </rPr>
      <t xml:space="preserve">Japan Chemical Substances Control Law : Class </t>
    </r>
    <r>
      <rPr>
        <sz val="10"/>
        <rFont val="ＭＳ Ｐゴシック"/>
        <family val="3"/>
        <charset val="128"/>
      </rPr>
      <t>Ⅰ</t>
    </r>
    <r>
      <rPr>
        <sz val="10"/>
        <rFont val="Arial"/>
        <family val="2"/>
      </rPr>
      <t xml:space="preserve"> specified Chemical Substances</t>
    </r>
    <rPh sb="4" eb="6">
      <t>ニッポン</t>
    </rPh>
    <rPh sb="29" eb="32">
      <t>カシンホウ</t>
    </rPh>
    <rPh sb="34" eb="35">
      <t>ダイ</t>
    </rPh>
    <rPh sb="36" eb="37">
      <t>シュ</t>
    </rPh>
    <rPh sb="37" eb="39">
      <t>トクテイ</t>
    </rPh>
    <rPh sb="39" eb="41">
      <t>カガク</t>
    </rPh>
    <rPh sb="41" eb="43">
      <t>ブッシツ</t>
    </rPh>
    <phoneticPr fontId="9"/>
  </si>
  <si>
    <r>
      <t>*3</t>
    </r>
    <r>
      <rPr>
        <sz val="10"/>
        <rFont val="ＭＳ Ｐゴシック"/>
        <family val="3"/>
        <charset val="128"/>
      </rPr>
      <t>）</t>
    </r>
    <r>
      <rPr>
        <sz val="10"/>
        <rFont val="Arial"/>
        <family val="2"/>
      </rPr>
      <t xml:space="preserve"> </t>
    </r>
    <r>
      <rPr>
        <sz val="10"/>
        <rFont val="ＭＳ Ｐゴシック"/>
        <family val="3"/>
        <charset val="128"/>
      </rPr>
      <t>日本　化学物質の審査及び製造等の規制に関する法律（化審法）　第</t>
    </r>
    <r>
      <rPr>
        <sz val="10"/>
        <rFont val="Arial"/>
        <family val="2"/>
      </rPr>
      <t>2</t>
    </r>
    <r>
      <rPr>
        <sz val="10"/>
        <rFont val="ＭＳ Ｐゴシック"/>
        <family val="3"/>
        <charset val="128"/>
      </rPr>
      <t>種特定化学物質　／　</t>
    </r>
    <r>
      <rPr>
        <sz val="10"/>
        <rFont val="Arial"/>
        <family val="2"/>
      </rPr>
      <t xml:space="preserve">Japan Chemical Substances Control Law : Class </t>
    </r>
    <r>
      <rPr>
        <sz val="10"/>
        <rFont val="ＭＳ Ｐゴシック"/>
        <family val="3"/>
        <charset val="128"/>
      </rPr>
      <t>Ⅱ</t>
    </r>
    <r>
      <rPr>
        <sz val="10"/>
        <rFont val="Arial"/>
        <family val="2"/>
      </rPr>
      <t xml:space="preserve"> specified Chemical Substances</t>
    </r>
    <rPh sb="4" eb="6">
      <t>ニッポン</t>
    </rPh>
    <rPh sb="29" eb="32">
      <t>カシンホウ</t>
    </rPh>
    <rPh sb="34" eb="35">
      <t>ダイ</t>
    </rPh>
    <rPh sb="36" eb="37">
      <t>シュ</t>
    </rPh>
    <rPh sb="37" eb="39">
      <t>トクテイ</t>
    </rPh>
    <rPh sb="39" eb="41">
      <t>カガク</t>
    </rPh>
    <rPh sb="41" eb="43">
      <t>ブッシツ</t>
    </rPh>
    <phoneticPr fontId="9"/>
  </si>
  <si>
    <r>
      <t>*4</t>
    </r>
    <r>
      <rPr>
        <sz val="10"/>
        <rFont val="ＭＳ Ｐゴシック"/>
        <family val="3"/>
        <charset val="128"/>
      </rPr>
      <t>）</t>
    </r>
    <r>
      <rPr>
        <sz val="10"/>
        <rFont val="Arial"/>
        <family val="2"/>
      </rPr>
      <t xml:space="preserve"> </t>
    </r>
    <r>
      <rPr>
        <sz val="10"/>
        <rFont val="ＭＳ Ｐゴシック"/>
        <family val="3"/>
        <charset val="128"/>
      </rPr>
      <t>日本　化学物質の審査及び製造等の規制に関する法律（化審法）　監視物質　／　</t>
    </r>
    <r>
      <rPr>
        <sz val="10"/>
        <rFont val="Arial"/>
        <family val="2"/>
      </rPr>
      <t>Japan Chemical Substances Control Law : Monitoring Substances</t>
    </r>
    <rPh sb="4" eb="6">
      <t>ニッポン</t>
    </rPh>
    <rPh sb="29" eb="32">
      <t>カシンホウ</t>
    </rPh>
    <rPh sb="34" eb="36">
      <t>カンシ</t>
    </rPh>
    <rPh sb="36" eb="38">
      <t>ブッシツ</t>
    </rPh>
    <phoneticPr fontId="9"/>
  </si>
  <si>
    <r>
      <t>*5</t>
    </r>
    <r>
      <rPr>
        <sz val="10"/>
        <rFont val="ＭＳ Ｐゴシック"/>
        <family val="3"/>
        <charset val="128"/>
      </rPr>
      <t>）</t>
    </r>
    <r>
      <rPr>
        <sz val="10"/>
        <rFont val="Arial"/>
        <family val="2"/>
      </rPr>
      <t xml:space="preserve"> </t>
    </r>
    <r>
      <rPr>
        <sz val="10"/>
        <rFont val="ＭＳ Ｐゴシック"/>
        <family val="3"/>
        <charset val="128"/>
      </rPr>
      <t>米国</t>
    </r>
    <r>
      <rPr>
        <sz val="10"/>
        <rFont val="Arial"/>
        <family val="2"/>
      </rPr>
      <t xml:space="preserve"> </t>
    </r>
    <r>
      <rPr>
        <sz val="10"/>
        <rFont val="ＭＳ Ｐゴシック"/>
        <family val="3"/>
        <charset val="128"/>
      </rPr>
      <t>有害物質規制法（</t>
    </r>
    <r>
      <rPr>
        <sz val="10"/>
        <rFont val="Arial"/>
        <family val="2"/>
      </rPr>
      <t>Toxic Substances Control Act</t>
    </r>
    <r>
      <rPr>
        <sz val="10"/>
        <rFont val="ＭＳ Ｐゴシック"/>
        <family val="3"/>
        <charset val="128"/>
      </rPr>
      <t>：</t>
    </r>
    <r>
      <rPr>
        <sz val="10"/>
        <rFont val="Arial"/>
        <family val="2"/>
      </rPr>
      <t>TSCA</t>
    </r>
    <r>
      <rPr>
        <sz val="10"/>
        <rFont val="ＭＳ Ｐゴシック"/>
        <family val="3"/>
        <charset val="128"/>
      </rPr>
      <t>）使用禁止または制限の対象物質（第</t>
    </r>
    <r>
      <rPr>
        <sz val="10"/>
        <rFont val="Arial"/>
        <family val="2"/>
      </rPr>
      <t>6</t>
    </r>
    <r>
      <rPr>
        <sz val="10"/>
        <rFont val="ＭＳ Ｐゴシック"/>
        <family val="3"/>
        <charset val="128"/>
      </rPr>
      <t>条）</t>
    </r>
    <r>
      <rPr>
        <sz val="10"/>
        <rFont val="Arial"/>
        <family val="2"/>
      </rPr>
      <t xml:space="preserve"> </t>
    </r>
    <r>
      <rPr>
        <sz val="10"/>
        <rFont val="ＭＳ Ｐゴシック"/>
        <family val="3"/>
        <charset val="128"/>
      </rPr>
      <t>／</t>
    </r>
    <r>
      <rPr>
        <sz val="10"/>
        <rFont val="Arial"/>
        <family val="2"/>
      </rPr>
      <t xml:space="preserve"> Toxic Substances Control Act</t>
    </r>
    <r>
      <rPr>
        <sz val="10"/>
        <rFont val="ＭＳ Ｐゴシック"/>
        <family val="3"/>
        <charset val="128"/>
      </rPr>
      <t>：</t>
    </r>
    <r>
      <rPr>
        <sz val="10"/>
        <rFont val="Arial"/>
        <family val="2"/>
      </rPr>
      <t>TSCA(US) Banned or restricted substances (Section 6)</t>
    </r>
    <phoneticPr fontId="9"/>
  </si>
  <si>
    <r>
      <rPr>
        <sz val="10"/>
        <rFont val="ＭＳ Ｐゴシック"/>
        <family val="3"/>
        <charset val="128"/>
      </rPr>
      <t>※</t>
    </r>
    <r>
      <rPr>
        <sz val="10"/>
        <rFont val="Arial"/>
        <family val="2"/>
      </rPr>
      <t xml:space="preserve"> SDP</t>
    </r>
    <r>
      <rPr>
        <sz val="10"/>
        <rFont val="ＭＳ Ｐゴシック"/>
        <family val="3"/>
        <charset val="128"/>
      </rPr>
      <t>独自調査対象化学物質／</t>
    </r>
    <r>
      <rPr>
        <sz val="10"/>
        <rFont val="Arial"/>
        <family val="2"/>
      </rPr>
      <t xml:space="preserve"> SDP-Specific Survey-Targeted Chemical Substances</t>
    </r>
    <phoneticPr fontId="9"/>
  </si>
  <si>
    <r>
      <t>2-2</t>
    </r>
    <r>
      <rPr>
        <b/>
        <u/>
        <sz val="11"/>
        <rFont val="ＭＳ Ｐゴシック"/>
        <family val="3"/>
        <charset val="128"/>
      </rPr>
      <t>．条件により使用を禁止する化学物質のデバイスへの含有について／</t>
    </r>
    <r>
      <rPr>
        <b/>
        <u/>
        <sz val="11"/>
        <rFont val="Arial"/>
        <family val="2"/>
      </rPr>
      <t xml:space="preserve"> Presence of banned substance depending on application</t>
    </r>
    <rPh sb="4" eb="6">
      <t>ジョウケン</t>
    </rPh>
    <rPh sb="9" eb="11">
      <t>シヨウ</t>
    </rPh>
    <rPh sb="12" eb="14">
      <t>キンシ</t>
    </rPh>
    <rPh sb="16" eb="18">
      <t>カガク</t>
    </rPh>
    <rPh sb="18" eb="20">
      <t>ブッシツ</t>
    </rPh>
    <rPh sb="27" eb="29">
      <t>ガンユウ</t>
    </rPh>
    <phoneticPr fontId="9"/>
  </si>
  <si>
    <r>
      <rPr>
        <sz val="11"/>
        <rFont val="ＭＳ Ｐゴシック"/>
        <family val="3"/>
        <charset val="128"/>
      </rPr>
      <t>確認結果が基準を満たさない場合は、</t>
    </r>
    <r>
      <rPr>
        <sz val="11"/>
        <rFont val="Arial"/>
        <family val="2"/>
      </rPr>
      <t>C</t>
    </r>
    <r>
      <rPr>
        <sz val="11"/>
        <rFont val="ＭＳ Ｐゴシック"/>
        <family val="3"/>
        <charset val="128"/>
      </rPr>
      <t>２</t>
    </r>
    <r>
      <rPr>
        <sz val="11"/>
        <rFont val="Arial"/>
        <family val="2"/>
      </rPr>
      <t>-</t>
    </r>
    <r>
      <rPr>
        <sz val="11"/>
        <rFont val="ＭＳ Ｐゴシック"/>
        <family val="3"/>
        <charset val="128"/>
      </rPr>
      <t>別表にて使用可否の判断を致します。／</t>
    </r>
    <r>
      <rPr>
        <sz val="11"/>
        <rFont val="Arial"/>
        <family val="2"/>
      </rPr>
      <t xml:space="preserve"> If the check result does not meet the criteria, we will decide whether to use it on C2 - appendix.</t>
    </r>
    <rPh sb="0" eb="2">
      <t>カクニン</t>
    </rPh>
    <rPh sb="2" eb="4">
      <t>ケッカ</t>
    </rPh>
    <rPh sb="5" eb="7">
      <t>キジュン</t>
    </rPh>
    <rPh sb="8" eb="9">
      <t>ミ</t>
    </rPh>
    <rPh sb="13" eb="15">
      <t>バアイ</t>
    </rPh>
    <rPh sb="20" eb="21">
      <t>ベツ</t>
    </rPh>
    <rPh sb="21" eb="22">
      <t>ヒョウ</t>
    </rPh>
    <rPh sb="24" eb="26">
      <t>シヨウ</t>
    </rPh>
    <rPh sb="26" eb="27">
      <t>カ</t>
    </rPh>
    <rPh sb="27" eb="28">
      <t>ヒ</t>
    </rPh>
    <rPh sb="29" eb="31">
      <t>ハンダン</t>
    </rPh>
    <rPh sb="32" eb="33">
      <t>イタ</t>
    </rPh>
    <phoneticPr fontId="9"/>
  </si>
  <si>
    <r>
      <rPr>
        <sz val="11"/>
        <rFont val="ＭＳ Ｐゴシック"/>
        <family val="3"/>
        <charset val="128"/>
      </rPr>
      <t>別表</t>
    </r>
    <r>
      <rPr>
        <sz val="11"/>
        <rFont val="Arial"/>
        <family val="2"/>
      </rPr>
      <t>A</t>
    </r>
    <r>
      <rPr>
        <sz val="11"/>
        <rFont val="ＭＳ Ｐゴシック"/>
        <family val="3"/>
        <charset val="128"/>
      </rPr>
      <t>に記載の</t>
    </r>
    <r>
      <rPr>
        <sz val="11"/>
        <rFont val="Arial"/>
        <family val="2"/>
      </rPr>
      <t>REACH</t>
    </r>
    <r>
      <rPr>
        <sz val="11"/>
        <rFont val="ＭＳ Ｐゴシック"/>
        <family val="3"/>
        <charset val="128"/>
      </rPr>
      <t>規則</t>
    </r>
    <r>
      <rPr>
        <sz val="11"/>
        <rFont val="Arial"/>
        <family val="2"/>
      </rPr>
      <t xml:space="preserve"> </t>
    </r>
    <r>
      <rPr>
        <sz val="11"/>
        <rFont val="ＭＳ Ｐゴシック"/>
        <family val="3"/>
        <charset val="128"/>
      </rPr>
      <t>制限物質</t>
    </r>
    <r>
      <rPr>
        <sz val="11"/>
        <rFont val="Arial"/>
        <family val="2"/>
      </rPr>
      <t xml:space="preserve"> *7) </t>
    </r>
    <r>
      <rPr>
        <sz val="11"/>
        <rFont val="ＭＳ Ｐゴシック"/>
        <family val="3"/>
        <charset val="128"/>
      </rPr>
      <t>／</t>
    </r>
    <r>
      <rPr>
        <sz val="11"/>
        <rFont val="Arial"/>
        <family val="2"/>
      </rPr>
      <t xml:space="preserve">
</t>
    </r>
    <r>
      <rPr>
        <sz val="9"/>
        <rFont val="Arial"/>
        <family val="2"/>
      </rPr>
      <t>REACH regulation Restricted substances listed in Appendix A.</t>
    </r>
    <rPh sb="0" eb="1">
      <t>ベツ</t>
    </rPh>
    <rPh sb="1" eb="2">
      <t>ヒョウ</t>
    </rPh>
    <rPh sb="4" eb="6">
      <t>キサイ</t>
    </rPh>
    <rPh sb="15" eb="17">
      <t>セイゲン</t>
    </rPh>
    <rPh sb="17" eb="19">
      <t>ブッシツ</t>
    </rPh>
    <phoneticPr fontId="9"/>
  </si>
  <si>
    <r>
      <rPr>
        <sz val="11"/>
        <rFont val="ＭＳ Ｐゴシック"/>
        <family val="3"/>
        <charset val="128"/>
      </rPr>
      <t>アンチモン及びその化合物／</t>
    </r>
    <r>
      <rPr>
        <sz val="11"/>
        <rFont val="Arial"/>
        <family val="2"/>
      </rPr>
      <t xml:space="preserve">
</t>
    </r>
    <r>
      <rPr>
        <sz val="9"/>
        <rFont val="Arial"/>
        <family val="2"/>
      </rPr>
      <t>Antimony and its compounds</t>
    </r>
    <rPh sb="5" eb="6">
      <t>オヨ</t>
    </rPh>
    <rPh sb="9" eb="12">
      <t>カゴウブツ</t>
    </rPh>
    <phoneticPr fontId="9"/>
  </si>
  <si>
    <r>
      <rPr>
        <sz val="11"/>
        <rFont val="ＭＳ Ｐゴシック"/>
        <family val="3"/>
        <charset val="128"/>
      </rPr>
      <t>※ポリ塩化ビニル</t>
    </r>
    <r>
      <rPr>
        <sz val="11"/>
        <rFont val="Arial"/>
        <family val="2"/>
      </rPr>
      <t>(PVC)</t>
    </r>
    <r>
      <rPr>
        <sz val="11"/>
        <rFont val="ＭＳ Ｐゴシック"/>
        <family val="3"/>
        <charset val="128"/>
      </rPr>
      <t>／</t>
    </r>
    <r>
      <rPr>
        <sz val="11"/>
        <rFont val="Arial"/>
        <family val="2"/>
      </rPr>
      <t xml:space="preserve">
</t>
    </r>
    <r>
      <rPr>
        <sz val="9"/>
        <rFont val="Arial"/>
        <family val="2"/>
      </rPr>
      <t xml:space="preserve">Polyvinyl chloride </t>
    </r>
    <rPh sb="3" eb="5">
      <t>エンカ</t>
    </rPh>
    <phoneticPr fontId="9"/>
  </si>
  <si>
    <r>
      <rPr>
        <sz val="11"/>
        <rFont val="ＭＳ Ｐゴシック"/>
        <family val="3"/>
        <charset val="128"/>
      </rPr>
      <t xml:space="preserve">※テトラクロロ無水フタル酸／
</t>
    </r>
    <r>
      <rPr>
        <sz val="9"/>
        <rFont val="Arial"/>
        <family val="2"/>
      </rPr>
      <t>Tetrachlorophthalic anhydride</t>
    </r>
    <phoneticPr fontId="9"/>
  </si>
  <si>
    <r>
      <rPr>
        <sz val="11"/>
        <rFont val="ＭＳ Ｐゴシック"/>
        <family val="3"/>
        <charset val="128"/>
      </rPr>
      <t xml:space="preserve">ノニルフェノール化合物及びそのエトキシレート／
</t>
    </r>
    <r>
      <rPr>
        <sz val="9"/>
        <rFont val="Arial"/>
        <family val="2"/>
      </rPr>
      <t>Nonylphenol compounds and its ethoxylate</t>
    </r>
    <rPh sb="8" eb="11">
      <t>カゴウブツ</t>
    </rPh>
    <rPh sb="11" eb="12">
      <t>オヨ</t>
    </rPh>
    <phoneticPr fontId="9"/>
  </si>
  <si>
    <r>
      <rPr>
        <sz val="11"/>
        <rFont val="ＭＳ Ｐゴシック"/>
        <family val="3"/>
        <charset val="128"/>
      </rPr>
      <t>※ハロゲン物質（塩素、臭素）</t>
    </r>
    <r>
      <rPr>
        <sz val="11"/>
        <rFont val="Arial"/>
        <family val="2"/>
      </rPr>
      <t xml:space="preserve"> *8)
</t>
    </r>
    <r>
      <rPr>
        <sz val="11"/>
        <rFont val="ＭＳ Ｐゴシック"/>
        <family val="3"/>
        <charset val="128"/>
      </rPr>
      <t>／</t>
    </r>
    <r>
      <rPr>
        <sz val="9"/>
        <rFont val="Arial"/>
        <family val="2"/>
      </rPr>
      <t>Halogen substances (Chlorine, Bromine)</t>
    </r>
    <rPh sb="5" eb="7">
      <t>ブッシツ</t>
    </rPh>
    <rPh sb="8" eb="10">
      <t>エンソ</t>
    </rPh>
    <rPh sb="11" eb="13">
      <t>シュウソ</t>
    </rPh>
    <phoneticPr fontId="9"/>
  </si>
  <si>
    <r>
      <t>(1)</t>
    </r>
    <r>
      <rPr>
        <sz val="11"/>
        <rFont val="ＭＳ Ｐゴシック"/>
        <family val="3"/>
        <charset val="128"/>
      </rPr>
      <t>「塩素」が</t>
    </r>
    <r>
      <rPr>
        <sz val="11"/>
        <rFont val="Arial"/>
        <family val="2"/>
      </rPr>
      <t>900ppm(0.09%)</t>
    </r>
    <r>
      <rPr>
        <sz val="11"/>
        <rFont val="ＭＳ Ｐゴシック"/>
        <family val="3"/>
        <charset val="128"/>
      </rPr>
      <t xml:space="preserve">未満の含有である。／
</t>
    </r>
    <r>
      <rPr>
        <sz val="11"/>
        <rFont val="Arial"/>
        <family val="2"/>
      </rPr>
      <t>The content of "Chlorine" is less than 900 ppm(0.09%)</t>
    </r>
    <rPh sb="4" eb="6">
      <t>エンソ</t>
    </rPh>
    <rPh sb="21" eb="23">
      <t>ミマン</t>
    </rPh>
    <phoneticPr fontId="81"/>
  </si>
  <si>
    <r>
      <t>(2)</t>
    </r>
    <r>
      <rPr>
        <sz val="11"/>
        <rFont val="ＭＳ Ｐゴシック"/>
        <family val="3"/>
        <charset val="128"/>
      </rPr>
      <t>「臭素」が</t>
    </r>
    <r>
      <rPr>
        <sz val="11"/>
        <rFont val="Arial"/>
        <family val="2"/>
      </rPr>
      <t>900ppm(0.09%)</t>
    </r>
    <r>
      <rPr>
        <sz val="11"/>
        <rFont val="ＭＳ Ｐゴシック"/>
        <family val="3"/>
        <charset val="128"/>
      </rPr>
      <t xml:space="preserve">未満の含有である。／
</t>
    </r>
    <r>
      <rPr>
        <sz val="11"/>
        <rFont val="Arial"/>
        <family val="2"/>
      </rPr>
      <t>The content of "Bromine" is less than 900 ppm(0.09%)</t>
    </r>
    <rPh sb="4" eb="6">
      <t>シュウソ</t>
    </rPh>
    <rPh sb="21" eb="23">
      <t>ミマン</t>
    </rPh>
    <phoneticPr fontId="81"/>
  </si>
  <si>
    <r>
      <t>(3)</t>
    </r>
    <r>
      <rPr>
        <sz val="11"/>
        <rFont val="ＭＳ Ｐゴシック"/>
        <family val="3"/>
        <charset val="128"/>
      </rPr>
      <t>「塩素」と「臭素」の合計が</t>
    </r>
    <r>
      <rPr>
        <sz val="11"/>
        <rFont val="Arial"/>
        <family val="2"/>
      </rPr>
      <t>1500ppm(0.15%)</t>
    </r>
    <r>
      <rPr>
        <sz val="11"/>
        <rFont val="ＭＳ Ｐゴシック"/>
        <family val="3"/>
        <charset val="128"/>
      </rPr>
      <t xml:space="preserve">未満の含有である。／
</t>
    </r>
    <r>
      <rPr>
        <sz val="11"/>
        <rFont val="Arial"/>
        <family val="2"/>
      </rPr>
      <t>The content of the total of  "Chlorine" and "Bromine" is less than 1500ppm(0.15%)</t>
    </r>
    <rPh sb="4" eb="6">
      <t>エンソ</t>
    </rPh>
    <rPh sb="9" eb="11">
      <t>シュウソ</t>
    </rPh>
    <rPh sb="13" eb="15">
      <t>ゴウケイ</t>
    </rPh>
    <rPh sb="30" eb="32">
      <t>ミマン</t>
    </rPh>
    <phoneticPr fontId="81"/>
  </si>
  <si>
    <r>
      <rPr>
        <sz val="10"/>
        <rFont val="ＭＳ Ｐゴシック"/>
        <family val="3"/>
        <charset val="128"/>
      </rPr>
      <t>※アルキルフェノール（炭素数</t>
    </r>
    <r>
      <rPr>
        <sz val="10"/>
        <rFont val="Arial"/>
        <family val="2"/>
      </rPr>
      <t>5</t>
    </r>
    <r>
      <rPr>
        <sz val="10"/>
        <rFont val="ＭＳ Ｐゴシック"/>
        <family val="3"/>
        <charset val="128"/>
      </rPr>
      <t>～</t>
    </r>
    <r>
      <rPr>
        <sz val="10"/>
        <rFont val="Arial"/>
        <family val="2"/>
      </rPr>
      <t>9</t>
    </r>
    <r>
      <rPr>
        <sz val="10"/>
        <rFont val="ＭＳ Ｐゴシック"/>
        <family val="3"/>
        <charset val="128"/>
      </rPr>
      <t>）</t>
    </r>
    <r>
      <rPr>
        <sz val="10"/>
        <rFont val="Arial"/>
        <family val="2"/>
      </rPr>
      <t>(</t>
    </r>
    <r>
      <rPr>
        <sz val="10"/>
        <rFont val="ＭＳ Ｐゴシック"/>
        <family val="3"/>
        <charset val="128"/>
      </rPr>
      <t xml:space="preserve">ノニルフェノールは除く）／
</t>
    </r>
    <r>
      <rPr>
        <sz val="10"/>
        <rFont val="Arial"/>
        <family val="2"/>
      </rPr>
      <t>Alkylphenol (C5-9) excluding nonylphenol</t>
    </r>
    <phoneticPr fontId="9"/>
  </si>
  <si>
    <r>
      <rPr>
        <sz val="10"/>
        <rFont val="ＭＳ Ｐゴシック"/>
        <family val="3"/>
        <charset val="128"/>
      </rPr>
      <t xml:space="preserve">※ベンゾフェノン／
</t>
    </r>
    <r>
      <rPr>
        <sz val="10"/>
        <rFont val="Arial"/>
        <family val="2"/>
      </rPr>
      <t>Benzophenone</t>
    </r>
    <phoneticPr fontId="9"/>
  </si>
  <si>
    <r>
      <rPr>
        <sz val="11"/>
        <rFont val="ＭＳ Ｐゴシック"/>
        <family val="3"/>
        <charset val="128"/>
      </rPr>
      <t>※クロム及びクロム化合物（六価クロム化合物を除く</t>
    </r>
    <r>
      <rPr>
        <sz val="11"/>
        <rFont val="Arial"/>
        <family val="2"/>
      </rPr>
      <t>)</t>
    </r>
    <r>
      <rPr>
        <sz val="11"/>
        <rFont val="ＭＳ Ｐゴシック"/>
        <family val="3"/>
        <charset val="128"/>
      </rPr>
      <t>／</t>
    </r>
    <r>
      <rPr>
        <sz val="11"/>
        <rFont val="Arial"/>
        <family val="2"/>
      </rPr>
      <t xml:space="preserve">
</t>
    </r>
    <r>
      <rPr>
        <sz val="9"/>
        <rFont val="Arial"/>
        <family val="2"/>
      </rPr>
      <t>Chromium and its Compounds excluding hexavalent chromium</t>
    </r>
    <phoneticPr fontId="9"/>
  </si>
  <si>
    <r>
      <rPr>
        <sz val="10"/>
        <rFont val="ＭＳ Ｐゴシック"/>
        <family val="3"/>
        <charset val="128"/>
      </rPr>
      <t>※</t>
    </r>
    <r>
      <rPr>
        <sz val="10"/>
        <rFont val="Arial"/>
        <family val="2"/>
      </rPr>
      <t>2,4-</t>
    </r>
    <r>
      <rPr>
        <sz val="10"/>
        <rFont val="ＭＳ Ｐゴシック"/>
        <family val="3"/>
        <charset val="128"/>
      </rPr>
      <t xml:space="preserve">ジクロロフェノール／
</t>
    </r>
    <r>
      <rPr>
        <sz val="10"/>
        <rFont val="Arial"/>
        <family val="2"/>
      </rPr>
      <t>2,4-Dichlorophenol</t>
    </r>
    <phoneticPr fontId="9"/>
  </si>
  <si>
    <r>
      <rPr>
        <sz val="10"/>
        <rFont val="ＭＳ Ｐゴシック"/>
        <family val="3"/>
        <charset val="128"/>
      </rPr>
      <t xml:space="preserve">※エチルベンゼン／
</t>
    </r>
    <r>
      <rPr>
        <sz val="10"/>
        <rFont val="Arial"/>
        <family val="2"/>
      </rPr>
      <t>Ethylbenzene</t>
    </r>
    <phoneticPr fontId="9"/>
  </si>
  <si>
    <r>
      <rPr>
        <sz val="10"/>
        <rFont val="ＭＳ Ｐゴシック"/>
        <family val="3"/>
        <charset val="128"/>
      </rPr>
      <t xml:space="preserve">※イソシアネート／
</t>
    </r>
    <r>
      <rPr>
        <sz val="10"/>
        <rFont val="Arial"/>
        <family val="2"/>
      </rPr>
      <t>Isocyanate</t>
    </r>
    <phoneticPr fontId="9"/>
  </si>
  <si>
    <r>
      <rPr>
        <sz val="10"/>
        <rFont val="ＭＳ Ｐゴシック"/>
        <family val="3"/>
        <charset val="128"/>
      </rPr>
      <t xml:space="preserve">※オクタクロロスチレン／
</t>
    </r>
    <r>
      <rPr>
        <sz val="10"/>
        <rFont val="Arial"/>
        <family val="2"/>
      </rPr>
      <t>Octachlorostyrene</t>
    </r>
    <phoneticPr fontId="9"/>
  </si>
  <si>
    <r>
      <rPr>
        <sz val="10"/>
        <rFont val="ＭＳ Ｐゴシック"/>
        <family val="3"/>
        <charset val="128"/>
      </rPr>
      <t xml:space="preserve">※リン系難燃剤（赤リンは除く）／
</t>
    </r>
    <r>
      <rPr>
        <sz val="10"/>
        <rFont val="Arial"/>
        <family val="2"/>
      </rPr>
      <t>Phosphorus flame retardant excluding red phosphorus</t>
    </r>
    <phoneticPr fontId="9"/>
  </si>
  <si>
    <r>
      <rPr>
        <sz val="10"/>
        <rFont val="Arial Unicode MS"/>
        <family val="3"/>
        <charset val="128"/>
      </rPr>
      <t>REACH</t>
    </r>
    <r>
      <rPr>
        <sz val="10"/>
        <rFont val="ＭＳ Ｐゴシック"/>
        <family val="3"/>
        <charset val="128"/>
      </rPr>
      <t>規則高懸念物質</t>
    </r>
    <r>
      <rPr>
        <sz val="10"/>
        <rFont val="Arial Unicode MS"/>
        <family val="3"/>
        <charset val="128"/>
      </rPr>
      <t xml:space="preserve">(SVHC) </t>
    </r>
    <r>
      <rPr>
        <sz val="10"/>
        <rFont val="ＭＳ Ｐゴシック"/>
        <family val="3"/>
        <charset val="128"/>
      </rPr>
      <t xml:space="preserve">／
</t>
    </r>
    <r>
      <rPr>
        <sz val="10"/>
        <rFont val="Arial Unicode MS"/>
        <family val="3"/>
        <charset val="128"/>
      </rPr>
      <t>REACH Regulation [substances of very high concern (SVHC)]*10)</t>
    </r>
    <rPh sb="5" eb="7">
      <t>キソク</t>
    </rPh>
    <rPh sb="7" eb="8">
      <t>コウ</t>
    </rPh>
    <rPh sb="8" eb="10">
      <t>ケネン</t>
    </rPh>
    <rPh sb="10" eb="12">
      <t>ブッシツ</t>
    </rPh>
    <phoneticPr fontId="9"/>
  </si>
  <si>
    <r>
      <t>テトラブロモビスフェノールＡ</t>
    </r>
    <r>
      <rPr>
        <sz val="10"/>
        <rFont val="Arial"/>
        <family val="2"/>
      </rPr>
      <t>(TBBP-A)</t>
    </r>
    <r>
      <rPr>
        <sz val="10"/>
        <rFont val="ＭＳ Ｐゴシック"/>
        <family val="3"/>
        <charset val="128"/>
      </rPr>
      <t>／</t>
    </r>
    <r>
      <rPr>
        <sz val="10"/>
        <rFont val="Arial"/>
        <family val="2"/>
      </rPr>
      <t xml:space="preserve">
Tetrabromobisphenol-A</t>
    </r>
    <phoneticPr fontId="9"/>
  </si>
  <si>
    <r>
      <rPr>
        <sz val="11"/>
        <rFont val="ＭＳ Ｐゴシック"/>
        <family val="3"/>
        <charset val="128"/>
      </rPr>
      <t>テトラクロロ無水フタル酸</t>
    </r>
    <r>
      <rPr>
        <sz val="11"/>
        <rFont val="Arial"/>
        <family val="2"/>
      </rPr>
      <t xml:space="preserve"> </t>
    </r>
    <r>
      <rPr>
        <sz val="11"/>
        <rFont val="ＭＳ Ｐゴシック"/>
        <family val="3"/>
        <charset val="128"/>
      </rPr>
      <t>／</t>
    </r>
    <r>
      <rPr>
        <sz val="11"/>
        <rFont val="Arial"/>
        <family val="2"/>
      </rPr>
      <t>Tetrachlorophthalic anhydride</t>
    </r>
    <phoneticPr fontId="9"/>
  </si>
  <si>
    <r>
      <rPr>
        <sz val="11"/>
        <rFont val="ＭＳ Ｐゴシック"/>
        <family val="3"/>
        <charset val="128"/>
      </rPr>
      <t>ハロゲン物質／</t>
    </r>
    <r>
      <rPr>
        <sz val="11"/>
        <rFont val="Arial"/>
        <family val="2"/>
      </rPr>
      <t xml:space="preserve"> Halogen substances *11)</t>
    </r>
    <phoneticPr fontId="9"/>
  </si>
  <si>
    <r>
      <rPr>
        <sz val="11"/>
        <rFont val="ＭＳ Ｐゴシック"/>
        <family val="3"/>
        <charset val="128"/>
      </rPr>
      <t>化審法　第１種特定物質</t>
    </r>
    <r>
      <rPr>
        <sz val="11"/>
        <rFont val="Arial"/>
        <family val="2"/>
      </rPr>
      <t xml:space="preserve"> *2)</t>
    </r>
    <r>
      <rPr>
        <sz val="11"/>
        <rFont val="ＭＳ Ｐゴシック"/>
        <family val="3"/>
        <charset val="128"/>
      </rPr>
      <t>／</t>
    </r>
    <r>
      <rPr>
        <sz val="11"/>
        <rFont val="Arial"/>
        <family val="2"/>
      </rPr>
      <t xml:space="preserve">
</t>
    </r>
    <r>
      <rPr>
        <sz val="9"/>
        <rFont val="Arial"/>
        <family val="2"/>
      </rPr>
      <t xml:space="preserve">Chemical Substances Control Law : Class </t>
    </r>
    <r>
      <rPr>
        <sz val="9"/>
        <rFont val="ＭＳ Ｐゴシック"/>
        <family val="3"/>
        <charset val="128"/>
      </rPr>
      <t>Ⅰ</t>
    </r>
    <r>
      <rPr>
        <sz val="9"/>
        <rFont val="Arial"/>
        <family val="2"/>
      </rPr>
      <t xml:space="preserve"> specified Chemical Substances</t>
    </r>
    <rPh sb="0" eb="3">
      <t>カシンホウ</t>
    </rPh>
    <rPh sb="4" eb="5">
      <t>ダイ</t>
    </rPh>
    <rPh sb="6" eb="7">
      <t>シュ</t>
    </rPh>
    <rPh sb="7" eb="9">
      <t>トクテイ</t>
    </rPh>
    <rPh sb="9" eb="11">
      <t>ブッシツ</t>
    </rPh>
    <phoneticPr fontId="81"/>
  </si>
  <si>
    <r>
      <rPr>
        <sz val="11"/>
        <rFont val="ＭＳ Ｐゴシック"/>
        <family val="3"/>
        <charset val="128"/>
      </rPr>
      <t>※化審法　第２種特定物質</t>
    </r>
    <r>
      <rPr>
        <sz val="11"/>
        <rFont val="Arial"/>
        <family val="2"/>
      </rPr>
      <t xml:space="preserve"> *3)</t>
    </r>
    <r>
      <rPr>
        <sz val="11"/>
        <rFont val="ＭＳ Ｐゴシック"/>
        <family val="3"/>
        <charset val="128"/>
      </rPr>
      <t>／</t>
    </r>
    <r>
      <rPr>
        <sz val="11"/>
        <rFont val="Arial"/>
        <family val="2"/>
      </rPr>
      <t xml:space="preserve">
</t>
    </r>
    <r>
      <rPr>
        <sz val="9"/>
        <rFont val="Arial"/>
        <family val="2"/>
      </rPr>
      <t>Chemical Substances Control Law : Class II specified Chemical Substances</t>
    </r>
    <rPh sb="1" eb="4">
      <t>カシンホウ</t>
    </rPh>
    <rPh sb="5" eb="6">
      <t>ダイ</t>
    </rPh>
    <rPh sb="7" eb="8">
      <t>シュ</t>
    </rPh>
    <rPh sb="8" eb="10">
      <t>トクテイ</t>
    </rPh>
    <rPh sb="10" eb="12">
      <t>ブッシツ</t>
    </rPh>
    <phoneticPr fontId="9"/>
  </si>
  <si>
    <r>
      <rPr>
        <sz val="11"/>
        <rFont val="ＭＳ Ｐゴシック"/>
        <family val="3"/>
        <charset val="128"/>
      </rPr>
      <t>※化審法　監視物質</t>
    </r>
    <r>
      <rPr>
        <sz val="11"/>
        <rFont val="Arial"/>
        <family val="2"/>
      </rPr>
      <t xml:space="preserve"> *4)</t>
    </r>
    <r>
      <rPr>
        <sz val="11"/>
        <rFont val="ＭＳ Ｐゴシック"/>
        <family val="3"/>
        <charset val="128"/>
      </rPr>
      <t>／</t>
    </r>
    <r>
      <rPr>
        <sz val="11"/>
        <rFont val="Arial"/>
        <family val="2"/>
      </rPr>
      <t xml:space="preserve">
</t>
    </r>
    <r>
      <rPr>
        <sz val="9"/>
        <rFont val="Arial"/>
        <family val="2"/>
      </rPr>
      <t>Chemical Substances Control Law : Monitoring Substances</t>
    </r>
    <rPh sb="1" eb="4">
      <t>カシンホウ</t>
    </rPh>
    <rPh sb="5" eb="7">
      <t>カンシ</t>
    </rPh>
    <rPh sb="7" eb="9">
      <t>ブッシツ</t>
    </rPh>
    <phoneticPr fontId="9"/>
  </si>
  <si>
    <r>
      <rPr>
        <sz val="11"/>
        <rFont val="ＭＳ Ｐゴシック"/>
        <family val="3"/>
        <charset val="128"/>
      </rPr>
      <t xml:space="preserve">ムスクキシレン／
</t>
    </r>
    <r>
      <rPr>
        <sz val="9"/>
        <rFont val="Arial"/>
        <family val="2"/>
      </rPr>
      <t>Musk xylene</t>
    </r>
    <phoneticPr fontId="9"/>
  </si>
  <si>
    <r>
      <rPr>
        <sz val="11"/>
        <rFont val="ＭＳ Ｐゴシック"/>
        <family val="3"/>
        <charset val="128"/>
      </rPr>
      <t xml:space="preserve">アントラセン類／
</t>
    </r>
    <r>
      <rPr>
        <sz val="9"/>
        <rFont val="Arial"/>
        <family val="2"/>
      </rPr>
      <t>Anthracenes</t>
    </r>
    <rPh sb="6" eb="7">
      <t>ルイ</t>
    </rPh>
    <phoneticPr fontId="9"/>
  </si>
  <si>
    <r>
      <rPr>
        <sz val="11"/>
        <rFont val="ＭＳ Ｐゴシック"/>
        <family val="3"/>
        <charset val="128"/>
      </rPr>
      <t>※塩化パラフィン（平均炭素数</t>
    </r>
    <r>
      <rPr>
        <sz val="11"/>
        <rFont val="Arial"/>
        <family val="2"/>
      </rPr>
      <t>23</t>
    </r>
    <r>
      <rPr>
        <sz val="11"/>
        <rFont val="ＭＳ Ｐゴシック"/>
        <family val="3"/>
        <charset val="128"/>
      </rPr>
      <t>、平均塩素化率</t>
    </r>
    <r>
      <rPr>
        <sz val="11"/>
        <rFont val="Arial"/>
        <family val="2"/>
      </rPr>
      <t>43</t>
    </r>
    <r>
      <rPr>
        <sz val="11"/>
        <rFont val="ＭＳ Ｐゴシック"/>
        <family val="3"/>
        <charset val="128"/>
      </rPr>
      <t xml:space="preserve">％）／
</t>
    </r>
    <r>
      <rPr>
        <sz val="9"/>
        <rFont val="Arial"/>
        <family val="2"/>
      </rPr>
      <t>Chlorinated paraffins: C23, 43% chlorine</t>
    </r>
    <phoneticPr fontId="9"/>
  </si>
  <si>
    <r>
      <rPr>
        <sz val="11"/>
        <rFont val="ＭＳ Ｐゴシック"/>
        <family val="3"/>
        <charset val="128"/>
      </rPr>
      <t>※中鎖塩素化パラフィン（</t>
    </r>
    <r>
      <rPr>
        <sz val="11"/>
        <rFont val="Arial"/>
        <family val="2"/>
      </rPr>
      <t>MCCP)[</t>
    </r>
    <r>
      <rPr>
        <sz val="11"/>
        <rFont val="ＭＳ Ｐゴシック"/>
        <family val="3"/>
        <charset val="128"/>
      </rPr>
      <t>群</t>
    </r>
    <r>
      <rPr>
        <sz val="11"/>
        <rFont val="Arial"/>
        <family val="2"/>
      </rPr>
      <t>]</t>
    </r>
    <r>
      <rPr>
        <sz val="11"/>
        <rFont val="ＭＳ Ｐゴシック"/>
        <family val="3"/>
        <charset val="128"/>
      </rPr>
      <t>（炭素数</t>
    </r>
    <r>
      <rPr>
        <sz val="11"/>
        <rFont val="Arial"/>
        <family val="2"/>
      </rPr>
      <t>14</t>
    </r>
    <r>
      <rPr>
        <sz val="11"/>
        <rFont val="ＭＳ Ｐゴシック"/>
        <family val="3"/>
        <charset val="128"/>
      </rPr>
      <t>～</t>
    </r>
    <r>
      <rPr>
        <sz val="11"/>
        <rFont val="Arial"/>
        <family val="2"/>
      </rPr>
      <t>19</t>
    </r>
    <r>
      <rPr>
        <sz val="11"/>
        <rFont val="ＭＳ Ｐゴシック"/>
        <family val="3"/>
        <charset val="128"/>
      </rPr>
      <t xml:space="preserve">）／
</t>
    </r>
    <r>
      <rPr>
        <sz val="11"/>
        <rFont val="Arial"/>
        <family val="2"/>
      </rPr>
      <t>Medium Chain Chlorinated Paraffins (MCCP)[Group](14-19 carbons)</t>
    </r>
    <phoneticPr fontId="9"/>
  </si>
  <si>
    <r>
      <rPr>
        <sz val="11"/>
        <rFont val="ＭＳ Ｐゴシック"/>
        <family val="3"/>
        <charset val="128"/>
      </rPr>
      <t>※</t>
    </r>
    <r>
      <rPr>
        <sz val="11"/>
        <rFont val="Arial"/>
        <family val="2"/>
      </rPr>
      <t>1,3</t>
    </r>
    <r>
      <rPr>
        <sz val="11"/>
        <rFont val="ＭＳ Ｐゴシック"/>
        <family val="3"/>
        <charset val="128"/>
      </rPr>
      <t xml:space="preserve">－ジクロロプロペン／
</t>
    </r>
    <r>
      <rPr>
        <sz val="11"/>
        <rFont val="Arial"/>
        <family val="2"/>
      </rPr>
      <t>1,3-Dichloropropene</t>
    </r>
    <phoneticPr fontId="9"/>
  </si>
  <si>
    <r>
      <rPr>
        <sz val="11"/>
        <rFont val="ＭＳ Ｐゴシック"/>
        <family val="3"/>
        <charset val="128"/>
      </rPr>
      <t>※</t>
    </r>
    <r>
      <rPr>
        <sz val="11"/>
        <rFont val="Arial"/>
        <family val="2"/>
      </rPr>
      <t>p-</t>
    </r>
    <r>
      <rPr>
        <sz val="11"/>
        <rFont val="ＭＳ Ｐゴシック"/>
        <family val="3"/>
        <charset val="128"/>
      </rPr>
      <t xml:space="preserve">ジメチルアミノアゾベンゼン／
</t>
    </r>
    <r>
      <rPr>
        <sz val="9"/>
        <rFont val="Arial"/>
        <family val="2"/>
      </rPr>
      <t>p-Dimethylaminoazobenzene</t>
    </r>
    <phoneticPr fontId="9"/>
  </si>
  <si>
    <r>
      <rPr>
        <sz val="11"/>
        <rFont val="ＭＳ Ｐゴシック"/>
        <family val="3"/>
        <charset val="128"/>
      </rPr>
      <t xml:space="preserve">※塩化水素／
</t>
    </r>
    <r>
      <rPr>
        <sz val="9"/>
        <rFont val="Arial"/>
        <family val="2"/>
      </rPr>
      <t>Hydrogen chloride</t>
    </r>
    <phoneticPr fontId="9"/>
  </si>
  <si>
    <r>
      <rPr>
        <sz val="11"/>
        <rFont val="ＭＳ Ｐゴシック"/>
        <family val="3"/>
        <charset val="128"/>
      </rPr>
      <t>※</t>
    </r>
    <r>
      <rPr>
        <sz val="11"/>
        <rFont val="Arial"/>
        <family val="2"/>
      </rPr>
      <t>N,N'-</t>
    </r>
    <r>
      <rPr>
        <sz val="11"/>
        <rFont val="ＭＳ Ｐゴシック"/>
        <family val="3"/>
        <charset val="128"/>
      </rPr>
      <t xml:space="preserve">エチレンビス（ジチオカルバミン酸）マンガン（マンネブ）／
</t>
    </r>
    <r>
      <rPr>
        <sz val="9"/>
        <rFont val="Arial"/>
        <family val="2"/>
      </rPr>
      <t>N,N'-Ethylenebisdithiocarbamate manganese (Maneb)</t>
    </r>
    <phoneticPr fontId="9"/>
  </si>
  <si>
    <r>
      <rPr>
        <sz val="11"/>
        <rFont val="ＭＳ Ｐゴシック"/>
        <family val="3"/>
        <charset val="128"/>
      </rPr>
      <t>※</t>
    </r>
    <r>
      <rPr>
        <sz val="11"/>
        <rFont val="Arial"/>
        <family val="2"/>
      </rPr>
      <t>1-</t>
    </r>
    <r>
      <rPr>
        <sz val="11"/>
        <rFont val="ＭＳ Ｐゴシック"/>
        <family val="3"/>
        <charset val="128"/>
      </rPr>
      <t xml:space="preserve">ナフチルアミン／
</t>
    </r>
    <r>
      <rPr>
        <sz val="9"/>
        <rFont val="Arial"/>
        <family val="2"/>
      </rPr>
      <t>1-Naphthylamine</t>
    </r>
    <phoneticPr fontId="9"/>
  </si>
</sst>
</file>

<file path=xl/styles.xml><?xml version="1.0" encoding="utf-8"?>
<styleSheet xmlns="http://schemas.openxmlformats.org/spreadsheetml/2006/main" xmlns:mc="http://schemas.openxmlformats.org/markup-compatibility/2006" xmlns:x14ac="http://schemas.microsoft.com/office/spreadsheetml/2009/9/ac" mc:Ignorable="x14ac">
  <numFmts count="3">
    <numFmt numFmtId="176" formatCode="yyyy/mm/dd"/>
    <numFmt numFmtId="177" formatCode="&quot;(&quot;General&quot;)&quot;"/>
    <numFmt numFmtId="178" formatCode="0_ "/>
  </numFmts>
  <fonts count="99" x14ac:knownFonts="1">
    <font>
      <sz val="10"/>
      <color theme="1"/>
      <name val="MS UI Gothic"/>
      <family val="3"/>
      <charset val="128"/>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6"/>
      <name val="MS UI Gothic"/>
      <family val="3"/>
      <charset val="128"/>
    </font>
    <font>
      <sz val="10"/>
      <name val="Arial"/>
      <family val="2"/>
    </font>
    <font>
      <sz val="11"/>
      <name val="ＭＳ Ｐゴシック"/>
      <family val="3"/>
      <charset val="128"/>
    </font>
    <font>
      <sz val="6"/>
      <name val="ＭＳ Ｐゴシック"/>
      <family val="2"/>
      <charset val="128"/>
      <scheme val="minor"/>
    </font>
    <font>
      <sz val="9"/>
      <color theme="1"/>
      <name val="Arial"/>
      <family val="2"/>
    </font>
    <font>
      <b/>
      <sz val="9"/>
      <color theme="1"/>
      <name val="Arial"/>
      <family val="2"/>
    </font>
    <font>
      <sz val="9"/>
      <name val="Arial"/>
      <family val="2"/>
    </font>
    <font>
      <sz val="8"/>
      <color theme="1"/>
      <name val="Arial"/>
      <family val="2"/>
    </font>
    <font>
      <sz val="8"/>
      <name val="Arial"/>
      <family val="2"/>
    </font>
    <font>
      <b/>
      <sz val="8"/>
      <color theme="1"/>
      <name val="Arial"/>
      <family val="2"/>
    </font>
    <font>
      <b/>
      <sz val="9"/>
      <name val="Arial"/>
      <family val="2"/>
    </font>
    <font>
      <sz val="9"/>
      <name val="ＭＳ Ｐゴシック"/>
      <family val="3"/>
      <charset val="128"/>
    </font>
    <font>
      <sz val="9"/>
      <color theme="1"/>
      <name val="ＭＳ Ｐゴシック"/>
      <family val="3"/>
      <charset val="128"/>
    </font>
    <font>
      <b/>
      <u/>
      <sz val="8"/>
      <color theme="1"/>
      <name val="Arial"/>
      <family val="2"/>
    </font>
    <font>
      <b/>
      <sz val="10"/>
      <color theme="1"/>
      <name val="ＭＳ Ｐゴシック"/>
      <family val="3"/>
      <charset val="128"/>
    </font>
    <font>
      <sz val="11"/>
      <color theme="1"/>
      <name val="ＭＳ Ｐゴシック"/>
      <family val="3"/>
      <charset val="128"/>
    </font>
    <font>
      <b/>
      <sz val="11"/>
      <color theme="0"/>
      <name val="ＭＳ Ｐゴシック"/>
      <family val="3"/>
      <charset val="128"/>
    </font>
    <font>
      <b/>
      <sz val="12"/>
      <color theme="1"/>
      <name val="ＭＳ Ｐゴシック"/>
      <family val="3"/>
      <charset val="128"/>
    </font>
    <font>
      <b/>
      <sz val="11"/>
      <color theme="1"/>
      <name val="ＭＳ Ｐゴシック"/>
      <family val="3"/>
      <charset val="128"/>
    </font>
    <font>
      <sz val="6"/>
      <color theme="1"/>
      <name val="Arial"/>
      <family val="2"/>
    </font>
    <font>
      <b/>
      <sz val="8"/>
      <color theme="1"/>
      <name val="ＭＳ Ｐゴシック"/>
      <family val="3"/>
      <charset val="128"/>
    </font>
    <font>
      <b/>
      <sz val="9"/>
      <color theme="0"/>
      <name val="Arial"/>
      <family val="2"/>
    </font>
    <font>
      <b/>
      <sz val="10"/>
      <color rgb="FFFF0000"/>
      <name val="Arial"/>
      <family val="2"/>
    </font>
    <font>
      <b/>
      <sz val="20"/>
      <name val="Arial"/>
      <family val="2"/>
    </font>
    <font>
      <sz val="11"/>
      <color theme="1"/>
      <name val="Arial"/>
      <family val="2"/>
    </font>
    <font>
      <sz val="10"/>
      <color theme="1"/>
      <name val="Arial"/>
      <family val="2"/>
    </font>
    <font>
      <sz val="11"/>
      <name val="Arial"/>
      <family val="2"/>
    </font>
    <font>
      <b/>
      <sz val="10"/>
      <color theme="1"/>
      <name val="Arial"/>
      <family val="2"/>
    </font>
    <font>
      <b/>
      <sz val="12"/>
      <color theme="1"/>
      <name val="Arial"/>
      <family val="2"/>
    </font>
    <font>
      <b/>
      <sz val="11"/>
      <name val="Arial"/>
      <family val="2"/>
    </font>
    <font>
      <b/>
      <sz val="11"/>
      <color theme="1"/>
      <name val="Arial"/>
      <family val="2"/>
    </font>
    <font>
      <b/>
      <sz val="11"/>
      <color theme="0"/>
      <name val="Arial"/>
      <family val="2"/>
    </font>
    <font>
      <b/>
      <sz val="11"/>
      <name val="ＭＳ Ｐゴシック"/>
      <family val="3"/>
      <charset val="128"/>
    </font>
    <font>
      <b/>
      <sz val="12"/>
      <color rgb="FFFF0000"/>
      <name val="Arial"/>
      <family val="2"/>
    </font>
    <font>
      <sz val="10"/>
      <color theme="1"/>
      <name val="ＭＳ Ｐゴシック"/>
      <family val="3"/>
      <charset val="128"/>
    </font>
    <font>
      <b/>
      <u/>
      <sz val="10"/>
      <color theme="1"/>
      <name val="Arial"/>
      <family val="2"/>
    </font>
    <font>
      <sz val="14"/>
      <name val="Arial"/>
      <family val="2"/>
    </font>
    <font>
      <b/>
      <sz val="12"/>
      <name val="Arial"/>
      <family val="2"/>
    </font>
    <font>
      <sz val="10"/>
      <name val="ＭＳ Ｐゴシック"/>
      <family val="3"/>
      <charset val="128"/>
    </font>
    <font>
      <b/>
      <sz val="10"/>
      <color rgb="FFFF0000"/>
      <name val="ＭＳ Ｐゴシック"/>
      <family val="3"/>
      <charset val="128"/>
    </font>
    <font>
      <b/>
      <u/>
      <sz val="12"/>
      <name val="Arial"/>
      <family val="2"/>
    </font>
    <font>
      <b/>
      <u/>
      <sz val="12"/>
      <name val="ＭＳ Ｐゴシック"/>
      <family val="3"/>
      <charset val="128"/>
    </font>
    <font>
      <b/>
      <u/>
      <sz val="9"/>
      <name val="Arial"/>
      <family val="2"/>
    </font>
    <font>
      <b/>
      <sz val="10"/>
      <name val="Arial"/>
      <family val="2"/>
    </font>
    <font>
      <b/>
      <sz val="20"/>
      <name val="ＭＳ Ｐゴシック"/>
      <family val="3"/>
      <charset val="128"/>
    </font>
    <font>
      <sz val="20"/>
      <name val="Arial"/>
      <family val="2"/>
    </font>
    <font>
      <b/>
      <u/>
      <sz val="10"/>
      <name val="Arial"/>
      <family val="2"/>
    </font>
    <font>
      <b/>
      <u/>
      <sz val="10"/>
      <name val="ＭＳ Ｐゴシック"/>
      <family val="3"/>
      <charset val="128"/>
    </font>
    <font>
      <b/>
      <u/>
      <sz val="8"/>
      <name val="Arial"/>
      <family val="2"/>
    </font>
    <font>
      <sz val="10"/>
      <color theme="1"/>
      <name val="MS UI Gothic"/>
      <family val="3"/>
      <charset val="128"/>
    </font>
    <font>
      <b/>
      <sz val="10"/>
      <name val="ＭＳ Ｐゴシック"/>
      <family val="3"/>
      <charset val="128"/>
    </font>
    <font>
      <sz val="11"/>
      <color rgb="FFFF0000"/>
      <name val="Arial"/>
      <family val="2"/>
    </font>
    <font>
      <sz val="9"/>
      <color rgb="FFFF0000"/>
      <name val="Arial"/>
      <family val="2"/>
    </font>
    <font>
      <b/>
      <sz val="12"/>
      <name val="ＭＳ Ｐゴシック"/>
      <family val="3"/>
      <charset val="128"/>
    </font>
    <font>
      <b/>
      <sz val="8"/>
      <name val="Arial"/>
      <family val="2"/>
    </font>
    <font>
      <b/>
      <u/>
      <sz val="10"/>
      <color theme="1"/>
      <name val="ＭＳ Ｐゴシック"/>
      <family val="3"/>
      <charset val="128"/>
    </font>
    <font>
      <b/>
      <u/>
      <sz val="11"/>
      <name val="Arial"/>
      <family val="2"/>
    </font>
    <font>
      <b/>
      <u/>
      <sz val="11"/>
      <name val="ＭＳ Ｐゴシック"/>
      <family val="3"/>
      <charset val="128"/>
    </font>
    <font>
      <b/>
      <sz val="9"/>
      <color rgb="FFFF0000"/>
      <name val="Arial"/>
      <family val="2"/>
    </font>
    <font>
      <sz val="10"/>
      <color rgb="FFFF0000"/>
      <name val="ＭＳ Ｐゴシック"/>
      <family val="3"/>
      <charset val="128"/>
    </font>
    <font>
      <vertAlign val="superscript"/>
      <sz val="11"/>
      <name val="Arial"/>
      <family val="2"/>
    </font>
    <font>
      <vertAlign val="superscript"/>
      <sz val="9"/>
      <name val="Arial"/>
      <family val="2"/>
    </font>
    <font>
      <b/>
      <sz val="8"/>
      <name val="ＭＳ Ｐゴシック"/>
      <family val="3"/>
      <charset val="128"/>
    </font>
    <font>
      <sz val="9"/>
      <color rgb="FFFF0000"/>
      <name val="ＭＳ Ｐゴシック"/>
      <family val="3"/>
      <charset val="128"/>
    </font>
    <font>
      <b/>
      <u/>
      <sz val="12"/>
      <name val="Arial"/>
      <family val="3"/>
      <charset val="128"/>
    </font>
    <font>
      <sz val="10"/>
      <name val="MS UI Gothic"/>
      <family val="3"/>
      <charset val="128"/>
    </font>
    <font>
      <sz val="6"/>
      <name val="MS UI Gothic"/>
      <family val="2"/>
      <charset val="128"/>
    </font>
    <font>
      <sz val="11"/>
      <name val="Arial"/>
      <family val="3"/>
      <charset val="128"/>
    </font>
    <font>
      <sz val="10.5"/>
      <name val="Arial"/>
      <family val="2"/>
    </font>
    <font>
      <sz val="10.5"/>
      <name val="ＭＳ Ｐゴシック"/>
      <family val="3"/>
      <charset val="128"/>
    </font>
    <font>
      <b/>
      <u/>
      <sz val="11"/>
      <color theme="1"/>
      <name val="Arial"/>
      <family val="2"/>
    </font>
    <font>
      <b/>
      <u/>
      <sz val="11"/>
      <color theme="1"/>
      <name val="ＭＳ Ｐゴシック"/>
      <family val="3"/>
      <charset val="128"/>
    </font>
    <font>
      <sz val="6"/>
      <name val="ＭＳ Ｐゴシック"/>
      <family val="3"/>
      <charset val="128"/>
    </font>
    <font>
      <u/>
      <sz val="11"/>
      <color theme="1"/>
      <name val="Arial"/>
      <family val="2"/>
    </font>
    <font>
      <b/>
      <u/>
      <sz val="9"/>
      <color rgb="FFFF0000"/>
      <name val="Arial"/>
      <family val="2"/>
    </font>
    <font>
      <sz val="11"/>
      <color rgb="FFFF0000"/>
      <name val="ＭＳ Ｐゴシック"/>
      <family val="3"/>
      <charset val="128"/>
    </font>
    <font>
      <b/>
      <u/>
      <sz val="9"/>
      <color theme="1"/>
      <name val="Arial"/>
      <family val="2"/>
    </font>
    <font>
      <sz val="10"/>
      <name val="Arial"/>
      <family val="3"/>
      <charset val="128"/>
    </font>
    <font>
      <sz val="10"/>
      <name val="Arial Unicode MS"/>
      <family val="3"/>
      <charset val="128"/>
    </font>
    <font>
      <b/>
      <u/>
      <sz val="9"/>
      <color theme="1"/>
      <name val="ＭＳ Ｐゴシック"/>
      <family val="3"/>
      <charset val="128"/>
    </font>
    <font>
      <u/>
      <sz val="9"/>
      <color theme="1"/>
      <name val="Arial"/>
      <family val="2"/>
    </font>
    <font>
      <sz val="8"/>
      <name val="ＭＳ Ｐゴシック"/>
      <family val="3"/>
      <charset val="128"/>
    </font>
    <font>
      <sz val="12"/>
      <name val="Arial"/>
      <family val="2"/>
    </font>
    <font>
      <sz val="15.5"/>
      <name val="Arial"/>
      <family val="2"/>
    </font>
    <font>
      <b/>
      <sz val="15.5"/>
      <name val="Arial"/>
      <family val="2"/>
    </font>
    <font>
      <sz val="11"/>
      <color theme="0"/>
      <name val="Arial"/>
      <family val="2"/>
    </font>
    <font>
      <b/>
      <sz val="8"/>
      <color rgb="FFFF0000"/>
      <name val="Arial"/>
      <family val="2"/>
    </font>
    <font>
      <sz val="11"/>
      <color rgb="FF1F497D"/>
      <name val="Arial"/>
      <family val="2"/>
    </font>
    <font>
      <strike/>
      <sz val="10"/>
      <color rgb="FFFF0000"/>
      <name val="Arial"/>
      <family val="2"/>
    </font>
    <font>
      <sz val="18"/>
      <name val="ＭＳ Ｐゴシック"/>
      <family val="3"/>
      <charset val="128"/>
    </font>
  </fonts>
  <fills count="8">
    <fill>
      <patternFill patternType="none"/>
    </fill>
    <fill>
      <patternFill patternType="gray125"/>
    </fill>
    <fill>
      <patternFill patternType="solid">
        <fgColor theme="1" tint="0.499984740745262"/>
        <bgColor indexed="64"/>
      </patternFill>
    </fill>
    <fill>
      <patternFill patternType="solid">
        <fgColor theme="0" tint="-0.14999847407452621"/>
        <bgColor indexed="64"/>
      </patternFill>
    </fill>
    <fill>
      <patternFill patternType="solid">
        <fgColor theme="0"/>
        <bgColor indexed="64"/>
      </patternFill>
    </fill>
    <fill>
      <patternFill patternType="solid">
        <fgColor theme="7" tint="0.39997558519241921"/>
        <bgColor indexed="64"/>
      </patternFill>
    </fill>
    <fill>
      <patternFill patternType="solid">
        <fgColor rgb="FFD9D9D9"/>
        <bgColor indexed="64"/>
      </patternFill>
    </fill>
    <fill>
      <patternFill patternType="solid">
        <fgColor rgb="FFFFFFFF"/>
        <bgColor indexed="64"/>
      </patternFill>
    </fill>
  </fills>
  <borders count="85">
    <border>
      <left/>
      <right/>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right/>
      <top/>
      <bottom style="thin">
        <color indexed="64"/>
      </bottom>
      <diagonal/>
    </border>
    <border>
      <left style="thin">
        <color indexed="64"/>
      </left>
      <right/>
      <top style="thin">
        <color indexed="64"/>
      </top>
      <bottom/>
      <diagonal/>
    </border>
    <border>
      <left/>
      <right/>
      <top style="thin">
        <color indexed="64"/>
      </top>
      <bottom style="thin">
        <color indexed="64"/>
      </bottom>
      <diagonal/>
    </border>
    <border>
      <left/>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style="thin">
        <color indexed="64"/>
      </top>
      <bottom style="double">
        <color indexed="64"/>
      </bottom>
      <diagonal/>
    </border>
    <border>
      <left/>
      <right style="thin">
        <color indexed="64"/>
      </right>
      <top style="thin">
        <color indexed="64"/>
      </top>
      <bottom/>
      <diagonal/>
    </border>
    <border>
      <left style="thin">
        <color indexed="64"/>
      </left>
      <right/>
      <top style="thin">
        <color indexed="64"/>
      </top>
      <bottom style="double">
        <color indexed="64"/>
      </bottom>
      <diagonal/>
    </border>
    <border>
      <left/>
      <right/>
      <top style="thin">
        <color indexed="64"/>
      </top>
      <bottom style="double">
        <color indexed="64"/>
      </bottom>
      <diagonal/>
    </border>
    <border>
      <left/>
      <right style="thin">
        <color indexed="64"/>
      </right>
      <top style="thin">
        <color indexed="64"/>
      </top>
      <bottom style="double">
        <color indexed="64"/>
      </bottom>
      <diagonal/>
    </border>
    <border>
      <left/>
      <right style="thin">
        <color indexed="64"/>
      </right>
      <top style="double">
        <color indexed="64"/>
      </top>
      <bottom/>
      <diagonal/>
    </border>
    <border>
      <left/>
      <right style="thin">
        <color indexed="64"/>
      </right>
      <top style="thin">
        <color indexed="64"/>
      </top>
      <bottom style="thin">
        <color indexed="64"/>
      </bottom>
      <diagonal/>
    </border>
    <border>
      <left style="thin">
        <color indexed="64"/>
      </left>
      <right style="thin">
        <color indexed="64"/>
      </right>
      <top style="double">
        <color indexed="64"/>
      </top>
      <bottom style="thin">
        <color indexed="64"/>
      </bottom>
      <diagonal/>
    </border>
    <border>
      <left/>
      <right/>
      <top style="double">
        <color indexed="64"/>
      </top>
      <bottom style="thin">
        <color indexed="64"/>
      </bottom>
      <diagonal/>
    </border>
    <border>
      <left/>
      <right style="thin">
        <color indexed="64"/>
      </right>
      <top style="hair">
        <color indexed="64"/>
      </top>
      <bottom style="hair">
        <color indexed="64"/>
      </bottom>
      <diagonal/>
    </border>
    <border>
      <left/>
      <right style="thin">
        <color indexed="64"/>
      </right>
      <top/>
      <bottom style="hair">
        <color indexed="64"/>
      </bottom>
      <diagonal/>
    </border>
    <border>
      <left style="thin">
        <color indexed="64"/>
      </left>
      <right style="thin">
        <color indexed="64"/>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hair">
        <color indexed="64"/>
      </bottom>
      <diagonal/>
    </border>
    <border>
      <left/>
      <right style="thin">
        <color indexed="64"/>
      </right>
      <top style="double">
        <color indexed="64"/>
      </top>
      <bottom style="thin">
        <color indexed="64"/>
      </bottom>
      <diagonal/>
    </border>
    <border>
      <left style="hair">
        <color indexed="64"/>
      </left>
      <right/>
      <top/>
      <bottom/>
      <diagonal/>
    </border>
    <border>
      <left/>
      <right style="hair">
        <color indexed="64"/>
      </right>
      <top/>
      <bottom/>
      <diagonal/>
    </border>
    <border>
      <left style="hair">
        <color indexed="64"/>
      </left>
      <right/>
      <top/>
      <bottom style="hair">
        <color indexed="64"/>
      </bottom>
      <diagonal/>
    </border>
    <border>
      <left/>
      <right/>
      <top/>
      <bottom style="hair">
        <color indexed="64"/>
      </bottom>
      <diagonal/>
    </border>
    <border>
      <left/>
      <right style="hair">
        <color indexed="64"/>
      </right>
      <top/>
      <bottom style="hair">
        <color indexed="64"/>
      </bottom>
      <diagonal/>
    </border>
    <border>
      <left style="hair">
        <color indexed="64"/>
      </left>
      <right/>
      <top style="hair">
        <color indexed="64"/>
      </top>
      <bottom/>
      <diagonal/>
    </border>
    <border>
      <left/>
      <right/>
      <top style="hair">
        <color indexed="64"/>
      </top>
      <bottom/>
      <diagonal/>
    </border>
    <border>
      <left/>
      <right style="hair">
        <color indexed="64"/>
      </right>
      <top style="hair">
        <color indexed="64"/>
      </top>
      <bottom/>
      <diagonal/>
    </border>
    <border>
      <left style="thin">
        <color indexed="64"/>
      </left>
      <right/>
      <top style="thin">
        <color indexed="64"/>
      </top>
      <bottom style="medium">
        <color indexed="64"/>
      </bottom>
      <diagonal/>
    </border>
    <border>
      <left/>
      <right style="thin">
        <color indexed="64"/>
      </right>
      <top style="thin">
        <color indexed="64"/>
      </top>
      <bottom style="medium">
        <color indexed="64"/>
      </bottom>
      <diagonal/>
    </border>
    <border>
      <left/>
      <right/>
      <top style="thin">
        <color indexed="64"/>
      </top>
      <bottom style="medium">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thin">
        <color indexed="64"/>
      </right>
      <top style="medium">
        <color indexed="64"/>
      </top>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right style="thin">
        <color indexed="64"/>
      </right>
      <top style="hair">
        <color indexed="64"/>
      </top>
      <bottom/>
      <diagonal/>
    </border>
    <border diagonalUp="1">
      <left style="thin">
        <color indexed="64"/>
      </left>
      <right style="thin">
        <color indexed="64"/>
      </right>
      <top style="thin">
        <color indexed="64"/>
      </top>
      <bottom style="thin">
        <color indexed="64"/>
      </bottom>
      <diagonal style="thin">
        <color indexed="64"/>
      </diagonal>
    </border>
    <border diagonalUp="1">
      <left style="thin">
        <color indexed="64"/>
      </left>
      <right style="thin">
        <color indexed="64"/>
      </right>
      <top/>
      <bottom style="thin">
        <color indexed="64"/>
      </bottom>
      <diagonal style="thin">
        <color indexed="64"/>
      </diagonal>
    </border>
    <border>
      <left style="thin">
        <color indexed="64"/>
      </left>
      <right/>
      <top/>
      <bottom style="medium">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style="medium">
        <color rgb="FF000000"/>
      </bottom>
      <diagonal/>
    </border>
    <border>
      <left style="medium">
        <color indexed="64"/>
      </left>
      <right style="medium">
        <color indexed="64"/>
      </right>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style="medium">
        <color indexed="64"/>
      </top>
      <bottom style="medium">
        <color indexed="64"/>
      </bottom>
      <diagonal/>
    </border>
    <border>
      <left style="thin">
        <color indexed="64"/>
      </left>
      <right style="thin">
        <color indexed="64"/>
      </right>
      <top style="dotted">
        <color indexed="64"/>
      </top>
      <bottom style="dotted">
        <color indexed="64"/>
      </bottom>
      <diagonal/>
    </border>
    <border>
      <left style="thin">
        <color auto="1"/>
      </left>
      <right style="thin">
        <color auto="1"/>
      </right>
      <top style="dotted">
        <color auto="1"/>
      </top>
      <bottom style="thin">
        <color auto="1"/>
      </bottom>
      <diagonal/>
    </border>
    <border>
      <left style="thin">
        <color auto="1"/>
      </left>
      <right style="thin">
        <color auto="1"/>
      </right>
      <top style="thin">
        <color auto="1"/>
      </top>
      <bottom style="dotted">
        <color auto="1"/>
      </bottom>
      <diagonal/>
    </border>
    <border>
      <left style="thin">
        <color indexed="64"/>
      </left>
      <right style="thin">
        <color indexed="64"/>
      </right>
      <top style="dotted">
        <color indexed="64"/>
      </top>
      <bottom/>
      <diagonal/>
    </border>
    <border>
      <left style="thin">
        <color indexed="64"/>
      </left>
      <right style="thin">
        <color indexed="64"/>
      </right>
      <top/>
      <bottom style="double">
        <color indexed="64"/>
      </bottom>
      <diagonal/>
    </border>
    <border>
      <left/>
      <right style="thin">
        <color indexed="64"/>
      </right>
      <top/>
      <bottom style="double">
        <color indexed="64"/>
      </bottom>
      <diagonal/>
    </border>
    <border>
      <left style="thin">
        <color indexed="64"/>
      </left>
      <right style="thin">
        <color indexed="64"/>
      </right>
      <top/>
      <bottom style="hair">
        <color indexed="64"/>
      </bottom>
      <diagonal/>
    </border>
    <border>
      <left style="thin">
        <color indexed="64"/>
      </left>
      <right/>
      <top style="hair">
        <color indexed="64"/>
      </top>
      <bottom style="hair">
        <color indexed="64"/>
      </bottom>
      <diagonal/>
    </border>
    <border>
      <left style="thin">
        <color indexed="64"/>
      </left>
      <right/>
      <top style="hair">
        <color indexed="64"/>
      </top>
      <bottom/>
      <diagonal/>
    </border>
    <border>
      <left style="thin">
        <color indexed="64"/>
      </left>
      <right/>
      <top/>
      <bottom style="hair">
        <color indexed="64"/>
      </bottom>
      <diagonal/>
    </border>
    <border>
      <left style="thin">
        <color indexed="64"/>
      </left>
      <right/>
      <top style="hair">
        <color indexed="64"/>
      </top>
      <bottom style="thin">
        <color indexed="64"/>
      </bottom>
      <diagonal/>
    </border>
    <border>
      <left style="thin">
        <color indexed="64"/>
      </left>
      <right style="thin">
        <color indexed="64"/>
      </right>
      <top style="hair">
        <color indexed="64"/>
      </top>
      <bottom/>
      <diagonal/>
    </border>
    <border>
      <left style="thin">
        <color auto="1"/>
      </left>
      <right/>
      <top style="thin">
        <color auto="1"/>
      </top>
      <bottom style="dashed">
        <color auto="1"/>
      </bottom>
      <diagonal/>
    </border>
    <border>
      <left/>
      <right/>
      <top style="thin">
        <color auto="1"/>
      </top>
      <bottom style="dashed">
        <color auto="1"/>
      </bottom>
      <diagonal/>
    </border>
    <border>
      <left/>
      <right style="thin">
        <color auto="1"/>
      </right>
      <top style="thin">
        <color auto="1"/>
      </top>
      <bottom style="dashed">
        <color auto="1"/>
      </bottom>
      <diagonal/>
    </border>
    <border>
      <left style="thin">
        <color auto="1"/>
      </left>
      <right/>
      <top style="dashed">
        <color auto="1"/>
      </top>
      <bottom style="thin">
        <color auto="1"/>
      </bottom>
      <diagonal/>
    </border>
    <border>
      <left/>
      <right/>
      <top style="dashed">
        <color auto="1"/>
      </top>
      <bottom style="thin">
        <color auto="1"/>
      </bottom>
      <diagonal/>
    </border>
    <border>
      <left/>
      <right style="thin">
        <color auto="1"/>
      </right>
      <top style="dashed">
        <color auto="1"/>
      </top>
      <bottom style="thin">
        <color auto="1"/>
      </bottom>
      <diagonal/>
    </border>
  </borders>
  <cellStyleXfs count="14">
    <xf numFmtId="0" fontId="0" fillId="0" borderId="0">
      <alignment vertical="center"/>
    </xf>
    <xf numFmtId="0" fontId="10" fillId="0" borderId="0"/>
    <xf numFmtId="0" fontId="11" fillId="0" borderId="0">
      <alignment vertical="center"/>
    </xf>
    <xf numFmtId="0" fontId="11" fillId="0" borderId="0">
      <alignment vertical="center"/>
    </xf>
    <xf numFmtId="0" fontId="8" fillId="0" borderId="0">
      <alignment vertical="center"/>
    </xf>
    <xf numFmtId="0" fontId="7" fillId="0" borderId="0">
      <alignment vertical="center"/>
    </xf>
    <xf numFmtId="0" fontId="6" fillId="0" borderId="0">
      <alignment vertical="center"/>
    </xf>
    <xf numFmtId="0" fontId="13" fillId="0" borderId="0">
      <alignment vertical="center" wrapText="1"/>
    </xf>
    <xf numFmtId="0" fontId="5" fillId="0" borderId="0">
      <alignment vertical="center"/>
    </xf>
    <xf numFmtId="0" fontId="58" fillId="0" borderId="0">
      <alignment vertical="center"/>
    </xf>
    <xf numFmtId="0" fontId="4" fillId="0" borderId="0">
      <alignment vertical="center"/>
    </xf>
    <xf numFmtId="0" fontId="3" fillId="0" borderId="0">
      <alignment vertical="center"/>
    </xf>
    <xf numFmtId="0" fontId="2" fillId="0" borderId="0">
      <alignment vertical="center"/>
    </xf>
    <xf numFmtId="0" fontId="1" fillId="0" borderId="0">
      <alignment vertical="center"/>
    </xf>
  </cellStyleXfs>
  <cellXfs count="984">
    <xf numFmtId="0" fontId="0" fillId="0" borderId="0" xfId="0">
      <alignment vertical="center"/>
    </xf>
    <xf numFmtId="0" fontId="13" fillId="0" borderId="0" xfId="6" applyFont="1" applyBorder="1">
      <alignment vertical="center"/>
    </xf>
    <xf numFmtId="0" fontId="13" fillId="0" borderId="0" xfId="6" applyFont="1" applyBorder="1" applyAlignment="1">
      <alignment horizontal="center" vertical="center"/>
    </xf>
    <xf numFmtId="0" fontId="13" fillId="0" borderId="0" xfId="6" applyFont="1" applyBorder="1" applyAlignment="1">
      <alignment vertical="center" wrapText="1"/>
    </xf>
    <xf numFmtId="0" fontId="13" fillId="0" borderId="10" xfId="6" applyFont="1" applyBorder="1" applyAlignment="1">
      <alignment horizontal="center" vertical="center"/>
    </xf>
    <xf numFmtId="0" fontId="13" fillId="0" borderId="10" xfId="6" applyFont="1" applyBorder="1" applyAlignment="1">
      <alignment vertical="center" wrapText="1"/>
    </xf>
    <xf numFmtId="0" fontId="13" fillId="0" borderId="0" xfId="0" applyFont="1">
      <alignment vertical="center"/>
    </xf>
    <xf numFmtId="0" fontId="14" fillId="0" borderId="0" xfId="0" applyFont="1">
      <alignment vertical="center"/>
    </xf>
    <xf numFmtId="0" fontId="15" fillId="0" borderId="0" xfId="0" applyFont="1" applyFill="1" applyAlignment="1">
      <alignment horizontal="left" vertical="center"/>
    </xf>
    <xf numFmtId="0" fontId="15" fillId="0" borderId="0" xfId="0" applyFont="1" applyFill="1" applyAlignment="1">
      <alignment horizontal="right" vertical="center" shrinkToFit="1"/>
    </xf>
    <xf numFmtId="0" fontId="14" fillId="0" borderId="0" xfId="6" applyFont="1" applyBorder="1">
      <alignment vertical="center"/>
    </xf>
    <xf numFmtId="0" fontId="17" fillId="0" borderId="0" xfId="0" applyFont="1" applyFill="1" applyAlignment="1">
      <alignment horizontal="left" vertical="center"/>
    </xf>
    <xf numFmtId="0" fontId="19" fillId="0" borderId="0" xfId="0" applyFont="1" applyFill="1" applyAlignment="1">
      <alignment horizontal="left" vertical="center"/>
    </xf>
    <xf numFmtId="0" fontId="14" fillId="0" borderId="0" xfId="6" applyFont="1" applyBorder="1" applyAlignment="1">
      <alignment horizontal="left" vertical="center" indent="1"/>
    </xf>
    <xf numFmtId="0" fontId="13" fillId="0" borderId="10" xfId="6" applyFont="1" applyBorder="1" applyAlignment="1">
      <alignment horizontal="right" vertical="center" wrapText="1"/>
    </xf>
    <xf numFmtId="0" fontId="13" fillId="0" borderId="12" xfId="6" applyFont="1" applyBorder="1" applyAlignment="1">
      <alignment horizontal="center" vertical="center"/>
    </xf>
    <xf numFmtId="0" fontId="13" fillId="0" borderId="12" xfId="6" applyFont="1" applyBorder="1" applyAlignment="1">
      <alignment vertical="center" wrapText="1"/>
    </xf>
    <xf numFmtId="0" fontId="13" fillId="0" borderId="12" xfId="6" applyFont="1" applyBorder="1" applyAlignment="1">
      <alignment horizontal="right" vertical="center" wrapText="1"/>
    </xf>
    <xf numFmtId="0" fontId="14" fillId="0" borderId="0" xfId="0" applyFont="1" applyBorder="1">
      <alignment vertical="center"/>
    </xf>
    <xf numFmtId="0" fontId="13" fillId="0" borderId="0" xfId="0" applyFont="1" applyBorder="1">
      <alignment vertical="center"/>
    </xf>
    <xf numFmtId="177" fontId="13" fillId="0" borderId="0" xfId="0" applyNumberFormat="1" applyFont="1" applyFill="1" applyBorder="1" applyAlignment="1">
      <alignment horizontal="center" vertical="center"/>
    </xf>
    <xf numFmtId="0" fontId="13" fillId="0" borderId="0" xfId="0" applyFont="1" applyBorder="1" applyAlignment="1">
      <alignment vertical="center" wrapText="1"/>
    </xf>
    <xf numFmtId="0" fontId="13" fillId="0" borderId="4" xfId="0" applyFont="1" applyBorder="1">
      <alignment vertical="center"/>
    </xf>
    <xf numFmtId="177" fontId="13" fillId="0" borderId="10" xfId="0" applyNumberFormat="1" applyFont="1" applyFill="1" applyBorder="1" applyAlignment="1">
      <alignment horizontal="center" vertical="center"/>
    </xf>
    <xf numFmtId="0" fontId="13" fillId="0" borderId="10" xfId="0" applyFont="1" applyBorder="1" applyAlignment="1">
      <alignment vertical="center" wrapText="1"/>
    </xf>
    <xf numFmtId="0" fontId="13" fillId="0" borderId="2" xfId="0" applyFont="1" applyBorder="1">
      <alignment vertical="center"/>
    </xf>
    <xf numFmtId="177" fontId="13" fillId="0" borderId="12" xfId="0" applyNumberFormat="1" applyFont="1" applyFill="1" applyBorder="1" applyAlignment="1">
      <alignment horizontal="center" vertical="center"/>
    </xf>
    <xf numFmtId="0" fontId="13" fillId="0" borderId="3" xfId="0" applyFont="1" applyBorder="1" applyAlignment="1">
      <alignment vertical="center" wrapText="1"/>
    </xf>
    <xf numFmtId="0" fontId="13" fillId="0" borderId="1" xfId="0" applyFont="1" applyBorder="1" applyAlignment="1">
      <alignment vertical="center" wrapText="1"/>
    </xf>
    <xf numFmtId="0" fontId="18" fillId="0" borderId="0" xfId="0" applyFont="1" applyBorder="1">
      <alignment vertical="center"/>
    </xf>
    <xf numFmtId="0" fontId="13" fillId="0" borderId="0" xfId="0" applyFont="1" applyBorder="1" applyAlignment="1">
      <alignment horizontal="center" vertical="center"/>
    </xf>
    <xf numFmtId="0" fontId="30" fillId="2" borderId="10" xfId="0" applyFont="1" applyFill="1" applyBorder="1" applyAlignment="1">
      <alignment horizontal="center" vertical="center"/>
    </xf>
    <xf numFmtId="0" fontId="13" fillId="0" borderId="12" xfId="0" applyFont="1" applyBorder="1" applyAlignment="1">
      <alignment horizontal="center" vertical="center"/>
    </xf>
    <xf numFmtId="0" fontId="13" fillId="0" borderId="10" xfId="0" applyFont="1" applyBorder="1" applyAlignment="1">
      <alignment horizontal="center" vertical="center"/>
    </xf>
    <xf numFmtId="0" fontId="30" fillId="2" borderId="12" xfId="0" applyFont="1" applyFill="1" applyBorder="1" applyAlignment="1">
      <alignment horizontal="center" vertical="center"/>
    </xf>
    <xf numFmtId="0" fontId="13" fillId="0" borderId="1" xfId="0" applyFont="1" applyBorder="1" applyAlignment="1">
      <alignment horizontal="center" vertical="center"/>
    </xf>
    <xf numFmtId="0" fontId="13" fillId="0" borderId="3" xfId="0" applyFont="1" applyBorder="1" applyAlignment="1">
      <alignment horizontal="center" vertical="center"/>
    </xf>
    <xf numFmtId="0" fontId="15" fillId="0" borderId="0" xfId="0" applyNumberFormat="1" applyFont="1" applyFill="1" applyBorder="1" applyAlignment="1" applyProtection="1">
      <alignment horizontal="right" vertical="center"/>
    </xf>
    <xf numFmtId="0" fontId="15" fillId="0" borderId="0" xfId="0" applyNumberFormat="1" applyFont="1" applyFill="1" applyBorder="1" applyAlignment="1" applyProtection="1">
      <alignment horizontal="center" vertical="center"/>
    </xf>
    <xf numFmtId="0" fontId="15" fillId="0" borderId="10" xfId="6" applyFont="1" applyBorder="1" applyAlignment="1">
      <alignment vertical="center" wrapText="1"/>
    </xf>
    <xf numFmtId="0" fontId="13" fillId="0" borderId="12" xfId="0" applyFont="1" applyBorder="1" applyAlignment="1">
      <alignment horizontal="right" vertical="center" wrapText="1"/>
    </xf>
    <xf numFmtId="0" fontId="34" fillId="0" borderId="0" xfId="0" applyFont="1">
      <alignment vertical="center"/>
    </xf>
    <xf numFmtId="0" fontId="35" fillId="0" borderId="0" xfId="0" applyFont="1" applyFill="1" applyAlignment="1">
      <alignment horizontal="left" vertical="center"/>
    </xf>
    <xf numFmtId="0" fontId="36" fillId="0" borderId="0" xfId="0" applyFont="1">
      <alignment vertical="center"/>
    </xf>
    <xf numFmtId="0" fontId="33" fillId="0" borderId="0" xfId="0" applyFont="1">
      <alignment vertical="center"/>
    </xf>
    <xf numFmtId="0" fontId="37" fillId="0" borderId="0" xfId="0" applyFont="1">
      <alignment vertical="center"/>
    </xf>
    <xf numFmtId="0" fontId="32" fillId="0" borderId="0" xfId="0" applyFont="1" applyFill="1" applyAlignment="1">
      <alignment horizontal="left" vertical="center"/>
    </xf>
    <xf numFmtId="0" fontId="35" fillId="0" borderId="0" xfId="0" applyFont="1" applyFill="1" applyAlignment="1">
      <alignment vertical="center"/>
    </xf>
    <xf numFmtId="0" fontId="38" fillId="0" borderId="0" xfId="0" applyFont="1" applyFill="1" applyAlignment="1">
      <alignment horizontal="left" vertical="center"/>
    </xf>
    <xf numFmtId="0" fontId="35" fillId="0" borderId="0" xfId="0" applyFont="1" applyFill="1" applyAlignment="1">
      <alignment horizontal="left" vertical="center" indent="1"/>
    </xf>
    <xf numFmtId="0" fontId="37" fillId="0" borderId="0" xfId="6" applyFont="1" applyBorder="1">
      <alignment vertical="center"/>
    </xf>
    <xf numFmtId="0" fontId="34" fillId="0" borderId="0" xfId="0" applyFont="1" applyBorder="1">
      <alignment vertical="center"/>
    </xf>
    <xf numFmtId="0" fontId="39" fillId="0" borderId="0" xfId="6" applyFont="1" applyBorder="1">
      <alignment vertical="center"/>
    </xf>
    <xf numFmtId="0" fontId="33" fillId="0" borderId="0" xfId="6" applyFont="1" applyBorder="1">
      <alignment vertical="center"/>
    </xf>
    <xf numFmtId="0" fontId="33" fillId="0" borderId="0" xfId="6" applyFont="1" applyBorder="1" applyAlignment="1">
      <alignment horizontal="center" vertical="center"/>
    </xf>
    <xf numFmtId="0" fontId="33" fillId="0" borderId="0" xfId="6" applyFont="1" applyBorder="1" applyAlignment="1">
      <alignment vertical="center" wrapText="1"/>
    </xf>
    <xf numFmtId="0" fontId="37" fillId="0" borderId="0" xfId="6" applyFont="1" applyAlignment="1">
      <alignment horizontal="center" vertical="center"/>
    </xf>
    <xf numFmtId="0" fontId="39" fillId="0" borderId="0" xfId="6" applyFont="1" applyAlignment="1">
      <alignment horizontal="center" vertical="center"/>
    </xf>
    <xf numFmtId="0" fontId="33" fillId="0" borderId="0" xfId="6" applyFont="1" applyAlignment="1">
      <alignment horizontal="center" vertical="center"/>
    </xf>
    <xf numFmtId="0" fontId="33" fillId="0" borderId="13" xfId="6" applyFont="1" applyBorder="1" applyAlignment="1">
      <alignment horizontal="center" vertical="center"/>
    </xf>
    <xf numFmtId="0" fontId="33" fillId="0" borderId="13" xfId="6" applyFont="1" applyBorder="1" applyAlignment="1">
      <alignment horizontal="center" vertical="center" wrapText="1"/>
    </xf>
    <xf numFmtId="0" fontId="35" fillId="0" borderId="13" xfId="0" applyNumberFormat="1" applyFont="1" applyFill="1" applyBorder="1" applyAlignment="1">
      <alignment horizontal="center" vertical="center"/>
    </xf>
    <xf numFmtId="0" fontId="34" fillId="0" borderId="0" xfId="0" applyFont="1" applyAlignment="1">
      <alignment horizontal="center" vertical="center"/>
    </xf>
    <xf numFmtId="0" fontId="37" fillId="0" borderId="0" xfId="6" applyFont="1">
      <alignment vertical="center"/>
    </xf>
    <xf numFmtId="0" fontId="39" fillId="0" borderId="0" xfId="6" applyFont="1">
      <alignment vertical="center"/>
    </xf>
    <xf numFmtId="0" fontId="33" fillId="0" borderId="0" xfId="6" applyFont="1">
      <alignment vertical="center"/>
    </xf>
    <xf numFmtId="0" fontId="33" fillId="0" borderId="12" xfId="6" applyFont="1" applyBorder="1" applyAlignment="1">
      <alignment horizontal="center" vertical="center"/>
    </xf>
    <xf numFmtId="0" fontId="33" fillId="0" borderId="12" xfId="6" applyFont="1" applyBorder="1" applyAlignment="1">
      <alignment vertical="center" wrapText="1"/>
    </xf>
    <xf numFmtId="0" fontId="33" fillId="0" borderId="11" xfId="6" applyFont="1" applyBorder="1" applyAlignment="1">
      <alignment horizontal="center" vertical="center"/>
    </xf>
    <xf numFmtId="0" fontId="33" fillId="0" borderId="11" xfId="6" applyFont="1" applyBorder="1" applyAlignment="1">
      <alignment vertical="center" wrapText="1"/>
    </xf>
    <xf numFmtId="0" fontId="35" fillId="0" borderId="11" xfId="6" applyFont="1" applyBorder="1" applyAlignment="1">
      <alignment vertical="center" wrapText="1"/>
    </xf>
    <xf numFmtId="0" fontId="33" fillId="0" borderId="13" xfId="6" applyFont="1" applyBorder="1" applyAlignment="1">
      <alignment vertical="center" wrapText="1"/>
    </xf>
    <xf numFmtId="0" fontId="33" fillId="0" borderId="12" xfId="6" applyFont="1" applyBorder="1" applyAlignment="1">
      <alignment horizontal="right" vertical="center" wrapText="1"/>
    </xf>
    <xf numFmtId="0" fontId="37" fillId="0" borderId="0" xfId="0" applyFont="1" applyBorder="1">
      <alignment vertical="center"/>
    </xf>
    <xf numFmtId="0" fontId="36" fillId="0" borderId="0" xfId="0" applyFont="1" applyBorder="1">
      <alignment vertical="center"/>
    </xf>
    <xf numFmtId="0" fontId="39" fillId="0" borderId="0" xfId="0" applyFont="1" applyBorder="1">
      <alignment vertical="center"/>
    </xf>
    <xf numFmtId="0" fontId="33" fillId="0" borderId="0" xfId="0" applyFont="1" applyBorder="1" applyAlignment="1">
      <alignment horizontal="center" vertical="center"/>
    </xf>
    <xf numFmtId="0" fontId="33" fillId="0" borderId="0" xfId="0" applyFont="1" applyBorder="1">
      <alignment vertical="center"/>
    </xf>
    <xf numFmtId="177" fontId="33" fillId="0" borderId="0" xfId="0" applyNumberFormat="1" applyFont="1" applyFill="1" applyBorder="1" applyAlignment="1">
      <alignment horizontal="center" vertical="center"/>
    </xf>
    <xf numFmtId="0" fontId="33" fillId="0" borderId="0" xfId="0" applyFont="1" applyBorder="1" applyAlignment="1">
      <alignment vertical="center" wrapText="1"/>
    </xf>
    <xf numFmtId="177" fontId="33" fillId="0" borderId="13" xfId="0" applyNumberFormat="1" applyFont="1" applyFill="1" applyBorder="1" applyAlignment="1">
      <alignment horizontal="center" vertical="center"/>
    </xf>
    <xf numFmtId="0" fontId="33" fillId="0" borderId="13" xfId="0" applyFont="1" applyBorder="1" applyAlignment="1">
      <alignment vertical="center" wrapText="1"/>
    </xf>
    <xf numFmtId="0" fontId="33" fillId="0" borderId="13" xfId="0" applyFont="1" applyBorder="1" applyAlignment="1">
      <alignment horizontal="center" vertical="center" wrapText="1"/>
    </xf>
    <xf numFmtId="0" fontId="35" fillId="0" borderId="13" xfId="0" applyFont="1" applyFill="1" applyBorder="1" applyAlignment="1">
      <alignment horizontal="center" vertical="center" wrapText="1" shrinkToFit="1"/>
    </xf>
    <xf numFmtId="0" fontId="33" fillId="0" borderId="1" xfId="0" applyFont="1" applyBorder="1" applyAlignment="1">
      <alignment horizontal="center" vertical="center"/>
    </xf>
    <xf numFmtId="0" fontId="33" fillId="0" borderId="18" xfId="0" applyFont="1" applyBorder="1">
      <alignment vertical="center"/>
    </xf>
    <xf numFmtId="0" fontId="33" fillId="0" borderId="2" xfId="0" applyFont="1" applyBorder="1">
      <alignment vertical="center"/>
    </xf>
    <xf numFmtId="0" fontId="40" fillId="2" borderId="11" xfId="0" applyFont="1" applyFill="1" applyBorder="1" applyAlignment="1">
      <alignment horizontal="center" vertical="center"/>
    </xf>
    <xf numFmtId="177" fontId="33" fillId="0" borderId="11" xfId="0" applyNumberFormat="1" applyFont="1" applyFill="1" applyBorder="1" applyAlignment="1">
      <alignment horizontal="center" vertical="center"/>
    </xf>
    <xf numFmtId="0" fontId="33" fillId="0" borderId="11" xfId="0" applyFont="1" applyBorder="1" applyAlignment="1">
      <alignment vertical="center" wrapText="1"/>
    </xf>
    <xf numFmtId="0" fontId="33" fillId="0" borderId="6" xfId="0" applyFont="1" applyBorder="1" applyAlignment="1">
      <alignment horizontal="center" vertical="center"/>
    </xf>
    <xf numFmtId="0" fontId="33" fillId="0" borderId="3" xfId="0" applyFont="1" applyBorder="1" applyAlignment="1">
      <alignment horizontal="center" vertical="center"/>
    </xf>
    <xf numFmtId="0" fontId="33" fillId="0" borderId="11" xfId="0" applyFont="1" applyBorder="1" applyAlignment="1">
      <alignment horizontal="center" vertical="center"/>
    </xf>
    <xf numFmtId="0" fontId="33" fillId="0" borderId="12" xfId="0" applyFont="1" applyBorder="1" applyAlignment="1">
      <alignment horizontal="center" vertical="center"/>
    </xf>
    <xf numFmtId="0" fontId="33" fillId="0" borderId="8" xfId="0" applyFont="1" applyBorder="1">
      <alignment vertical="center"/>
    </xf>
    <xf numFmtId="0" fontId="33" fillId="0" borderId="8" xfId="0" applyFont="1" applyBorder="1" applyAlignment="1">
      <alignment horizontal="center" vertical="center"/>
    </xf>
    <xf numFmtId="177" fontId="33" fillId="0" borderId="8" xfId="0" applyNumberFormat="1" applyFont="1" applyFill="1" applyBorder="1" applyAlignment="1">
      <alignment horizontal="center" vertical="center"/>
    </xf>
    <xf numFmtId="0" fontId="33" fillId="0" borderId="8" xfId="0" applyFont="1" applyBorder="1" applyAlignment="1">
      <alignment vertical="center" wrapText="1"/>
    </xf>
    <xf numFmtId="0" fontId="33" fillId="0" borderId="14" xfId="0" applyFont="1" applyBorder="1">
      <alignment vertical="center"/>
    </xf>
    <xf numFmtId="0" fontId="33" fillId="0" borderId="4" xfId="0" applyFont="1" applyBorder="1">
      <alignment vertical="center"/>
    </xf>
    <xf numFmtId="0" fontId="40" fillId="2" borderId="12" xfId="0" applyFont="1" applyFill="1" applyBorder="1" applyAlignment="1">
      <alignment horizontal="center" vertical="center"/>
    </xf>
    <xf numFmtId="0" fontId="35" fillId="0" borderId="14" xfId="0" applyFont="1" applyFill="1" applyBorder="1" applyAlignment="1" applyProtection="1">
      <alignment horizontal="center" vertical="center"/>
    </xf>
    <xf numFmtId="177" fontId="33" fillId="0" borderId="12" xfId="0" applyNumberFormat="1" applyFont="1" applyFill="1" applyBorder="1" applyAlignment="1">
      <alignment horizontal="center" vertical="center"/>
    </xf>
    <xf numFmtId="0" fontId="35" fillId="0" borderId="4" xfId="0" applyFont="1" applyFill="1" applyBorder="1" applyAlignment="1" applyProtection="1">
      <alignment horizontal="center" vertical="center"/>
    </xf>
    <xf numFmtId="0" fontId="33" fillId="0" borderId="10" xfId="0" applyFont="1" applyBorder="1" applyAlignment="1">
      <alignment horizontal="center" vertical="center"/>
    </xf>
    <xf numFmtId="0" fontId="33" fillId="0" borderId="11" xfId="0" applyFont="1" applyBorder="1" applyAlignment="1">
      <alignment horizontal="right" vertical="center" wrapText="1"/>
    </xf>
    <xf numFmtId="0" fontId="33" fillId="0" borderId="12" xfId="0" applyFont="1" applyBorder="1" applyAlignment="1">
      <alignment horizontal="right" vertical="center" wrapText="1"/>
    </xf>
    <xf numFmtId="0" fontId="33" fillId="0" borderId="10" xfId="0" applyFont="1" applyBorder="1">
      <alignment vertical="center"/>
    </xf>
    <xf numFmtId="0" fontId="33" fillId="0" borderId="5" xfId="0" applyFont="1" applyBorder="1">
      <alignment vertical="center"/>
    </xf>
    <xf numFmtId="0" fontId="33" fillId="0" borderId="15" xfId="0" applyFont="1" applyBorder="1" applyAlignment="1">
      <alignment vertical="center" wrapText="1"/>
    </xf>
    <xf numFmtId="0" fontId="35" fillId="0" borderId="14" xfId="0" applyFont="1" applyFill="1" applyBorder="1" applyAlignment="1">
      <alignment horizontal="center" vertical="center"/>
    </xf>
    <xf numFmtId="0" fontId="33" fillId="0" borderId="6" xfId="0" applyFont="1" applyBorder="1" applyAlignment="1">
      <alignment vertical="center" wrapText="1"/>
    </xf>
    <xf numFmtId="0" fontId="33" fillId="0" borderId="6" xfId="0" applyFont="1" applyBorder="1" applyAlignment="1">
      <alignment horizontal="left" vertical="center" wrapText="1" indent="1"/>
    </xf>
    <xf numFmtId="0" fontId="35" fillId="0" borderId="0" xfId="0" applyFont="1" applyFill="1" applyBorder="1" applyAlignment="1" applyProtection="1">
      <alignment horizontal="center" vertical="center"/>
    </xf>
    <xf numFmtId="0" fontId="35" fillId="0" borderId="11" xfId="0" applyFont="1" applyFill="1" applyBorder="1" applyAlignment="1">
      <alignment horizontal="center" vertical="center"/>
    </xf>
    <xf numFmtId="0" fontId="13" fillId="0" borderId="0" xfId="7" applyFont="1">
      <alignment vertical="center" wrapText="1"/>
    </xf>
    <xf numFmtId="0" fontId="35" fillId="0" borderId="0" xfId="0" applyFont="1" applyFill="1" applyAlignment="1">
      <alignment horizontal="left" vertical="center" indent="7"/>
    </xf>
    <xf numFmtId="0" fontId="35" fillId="0" borderId="0" xfId="2" applyFont="1" applyFill="1" applyAlignment="1" applyProtection="1">
      <alignment horizontal="left" vertical="center" indent="7"/>
    </xf>
    <xf numFmtId="0" fontId="34" fillId="0" borderId="0" xfId="0" applyFont="1" applyBorder="1" applyAlignment="1">
      <alignment vertical="center" wrapText="1"/>
    </xf>
    <xf numFmtId="0" fontId="31" fillId="0" borderId="0" xfId="0" applyFont="1" applyBorder="1" applyAlignment="1">
      <alignment horizontal="right" vertical="center"/>
    </xf>
    <xf numFmtId="0" fontId="34" fillId="0" borderId="0" xfId="0" applyFont="1" applyBorder="1" applyAlignment="1">
      <alignment horizontal="center" vertical="center"/>
    </xf>
    <xf numFmtId="0" fontId="35" fillId="0" borderId="0" xfId="0" applyFont="1" applyFill="1" applyAlignment="1" applyProtection="1">
      <alignment horizontal="left" vertical="center"/>
      <protection locked="0"/>
    </xf>
    <xf numFmtId="176" fontId="35" fillId="0" borderId="5" xfId="0" applyNumberFormat="1" applyFont="1" applyFill="1" applyBorder="1" applyAlignment="1" applyProtection="1">
      <alignment horizontal="left" vertical="center" shrinkToFit="1"/>
      <protection locked="0"/>
    </xf>
    <xf numFmtId="0" fontId="35" fillId="0" borderId="5" xfId="0" applyFont="1" applyFill="1" applyBorder="1" applyAlignment="1" applyProtection="1">
      <alignment horizontal="left" vertical="center" shrinkToFit="1"/>
      <protection locked="0"/>
    </xf>
    <xf numFmtId="0" fontId="33" fillId="0" borderId="11" xfId="0" applyFont="1" applyBorder="1" applyAlignment="1">
      <alignment horizontal="center" vertical="center" wrapText="1"/>
    </xf>
    <xf numFmtId="0" fontId="10" fillId="0" borderId="0" xfId="0" applyFont="1">
      <alignment vertical="center"/>
    </xf>
    <xf numFmtId="0" fontId="10" fillId="0" borderId="0" xfId="0" applyFont="1" applyBorder="1">
      <alignment vertical="center"/>
    </xf>
    <xf numFmtId="0" fontId="10" fillId="0" borderId="0" xfId="0" applyFont="1" applyBorder="1" applyAlignment="1">
      <alignment vertical="center" wrapText="1"/>
    </xf>
    <xf numFmtId="0" fontId="46" fillId="0" borderId="0" xfId="0" applyFont="1" applyBorder="1">
      <alignment vertical="center"/>
    </xf>
    <xf numFmtId="0" fontId="10" fillId="3" borderId="13" xfId="0" applyFont="1" applyFill="1" applyBorder="1" applyAlignment="1">
      <alignment horizontal="center" vertical="center"/>
    </xf>
    <xf numFmtId="0" fontId="10" fillId="3" borderId="17" xfId="0" applyFont="1" applyFill="1" applyBorder="1" applyAlignment="1">
      <alignment horizontal="center" vertical="center"/>
    </xf>
    <xf numFmtId="0" fontId="10" fillId="3" borderId="17" xfId="0" applyFont="1" applyFill="1" applyBorder="1" applyAlignment="1">
      <alignment horizontal="center" vertical="center" wrapText="1"/>
    </xf>
    <xf numFmtId="0" fontId="10" fillId="0" borderId="23" xfId="0" applyFont="1" applyFill="1" applyBorder="1" applyAlignment="1">
      <alignment vertical="center" wrapText="1"/>
    </xf>
    <xf numFmtId="0" fontId="10" fillId="0" borderId="27" xfId="0" applyFont="1" applyFill="1" applyBorder="1" applyAlignment="1">
      <alignment vertical="center" wrapText="1"/>
    </xf>
    <xf numFmtId="0" fontId="10" fillId="0" borderId="22" xfId="1" applyFont="1" applyFill="1" applyBorder="1" applyAlignment="1">
      <alignment horizontal="center" vertical="center" wrapText="1"/>
    </xf>
    <xf numFmtId="0" fontId="10" fillId="0" borderId="22" xfId="1" applyFont="1" applyFill="1" applyBorder="1" applyAlignment="1">
      <alignment vertical="center" wrapText="1"/>
    </xf>
    <xf numFmtId="0" fontId="10" fillId="0" borderId="28" xfId="0" applyFont="1" applyFill="1" applyBorder="1" applyAlignment="1">
      <alignment vertical="center" wrapText="1"/>
    </xf>
    <xf numFmtId="0" fontId="10" fillId="0" borderId="22" xfId="0" applyFont="1" applyFill="1" applyBorder="1" applyAlignment="1">
      <alignment horizontal="center" vertical="center" wrapText="1"/>
    </xf>
    <xf numFmtId="0" fontId="10" fillId="0" borderId="22" xfId="0" applyFont="1" applyFill="1" applyBorder="1" applyAlignment="1">
      <alignment vertical="center" wrapText="1"/>
    </xf>
    <xf numFmtId="0" fontId="10" fillId="0" borderId="25" xfId="0" applyFont="1" applyFill="1" applyBorder="1" applyAlignment="1">
      <alignment horizontal="center" vertical="center" wrapText="1"/>
    </xf>
    <xf numFmtId="0" fontId="10" fillId="0" borderId="25" xfId="0" applyFont="1" applyFill="1" applyBorder="1" applyAlignment="1">
      <alignment vertical="center" wrapText="1"/>
    </xf>
    <xf numFmtId="0" fontId="10" fillId="0" borderId="5" xfId="0" applyFont="1" applyFill="1" applyBorder="1" applyAlignment="1">
      <alignment horizontal="center" vertical="center" wrapText="1"/>
    </xf>
    <xf numFmtId="0" fontId="10" fillId="0" borderId="5" xfId="0" applyFont="1" applyFill="1" applyBorder="1" applyAlignment="1">
      <alignment vertical="center" wrapText="1"/>
    </xf>
    <xf numFmtId="0" fontId="10" fillId="0" borderId="23" xfId="0" applyFont="1" applyFill="1" applyBorder="1" applyAlignment="1">
      <alignment horizontal="center" vertical="center" wrapText="1"/>
    </xf>
    <xf numFmtId="0" fontId="10" fillId="0" borderId="4" xfId="0" applyFont="1" applyFill="1" applyBorder="1" applyAlignment="1">
      <alignment horizontal="center" vertical="center" wrapText="1"/>
    </xf>
    <xf numFmtId="0" fontId="10" fillId="0" borderId="4" xfId="0" applyFont="1" applyFill="1" applyBorder="1" applyAlignment="1">
      <alignment vertical="center" wrapText="1"/>
    </xf>
    <xf numFmtId="0" fontId="10" fillId="0" borderId="0" xfId="0" applyFont="1" applyFill="1">
      <alignment vertical="center"/>
    </xf>
    <xf numFmtId="0" fontId="10" fillId="0" borderId="1" xfId="0" applyFont="1" applyFill="1" applyBorder="1">
      <alignment vertical="center"/>
    </xf>
    <xf numFmtId="0" fontId="10" fillId="0" borderId="21" xfId="0" applyFont="1" applyFill="1" applyBorder="1" applyAlignment="1">
      <alignment horizontal="center" vertical="center" wrapText="1"/>
    </xf>
    <xf numFmtId="0" fontId="10" fillId="0" borderId="21" xfId="0" applyFont="1" applyFill="1" applyBorder="1" applyAlignment="1">
      <alignment vertical="center" wrapText="1"/>
    </xf>
    <xf numFmtId="0" fontId="10" fillId="0" borderId="29" xfId="0" applyFont="1" applyFill="1" applyBorder="1">
      <alignment vertical="center"/>
    </xf>
    <xf numFmtId="0" fontId="10" fillId="0" borderId="12" xfId="0" applyFont="1" applyFill="1" applyBorder="1">
      <alignment vertical="center"/>
    </xf>
    <xf numFmtId="0" fontId="10" fillId="0" borderId="10" xfId="0" applyFont="1" applyFill="1" applyBorder="1">
      <alignment vertical="center"/>
    </xf>
    <xf numFmtId="0" fontId="10" fillId="0" borderId="25" xfId="0" applyFont="1" applyFill="1" applyBorder="1" applyAlignment="1">
      <alignment horizontal="left" vertical="center" wrapText="1"/>
    </xf>
    <xf numFmtId="0" fontId="10" fillId="0" borderId="22" xfId="0" applyFont="1" applyFill="1" applyBorder="1" applyAlignment="1">
      <alignment vertical="top" wrapText="1"/>
    </xf>
    <xf numFmtId="0" fontId="16" fillId="0" borderId="0" xfId="6" applyFont="1" applyBorder="1" applyAlignment="1">
      <alignment horizontal="left" vertical="center" wrapText="1"/>
    </xf>
    <xf numFmtId="0" fontId="35" fillId="0" borderId="7" xfId="0" applyFont="1" applyFill="1" applyBorder="1" applyAlignment="1" applyProtection="1">
      <alignment horizontal="left" vertical="center" shrinkToFit="1"/>
      <protection locked="0"/>
    </xf>
    <xf numFmtId="0" fontId="46" fillId="0" borderId="0" xfId="0" applyFont="1">
      <alignment vertical="center"/>
    </xf>
    <xf numFmtId="0" fontId="52" fillId="0" borderId="0" xfId="0" applyFont="1">
      <alignment vertical="center"/>
    </xf>
    <xf numFmtId="0" fontId="35" fillId="0" borderId="0" xfId="0" applyFont="1">
      <alignment vertical="center"/>
    </xf>
    <xf numFmtId="0" fontId="19" fillId="0" borderId="0" xfId="0" applyFont="1">
      <alignment vertical="center"/>
    </xf>
    <xf numFmtId="0" fontId="15" fillId="0" borderId="0" xfId="0" applyFont="1">
      <alignment vertical="center"/>
    </xf>
    <xf numFmtId="0" fontId="46" fillId="0" borderId="0" xfId="6" applyFont="1" applyBorder="1">
      <alignment vertical="center"/>
    </xf>
    <xf numFmtId="0" fontId="38" fillId="0" borderId="0" xfId="6" applyFont="1" applyBorder="1">
      <alignment vertical="center"/>
    </xf>
    <xf numFmtId="0" fontId="19" fillId="0" borderId="0" xfId="6" applyFont="1" applyBorder="1">
      <alignment vertical="center"/>
    </xf>
    <xf numFmtId="0" fontId="35" fillId="0" borderId="0" xfId="6" applyFont="1" applyBorder="1">
      <alignment vertical="center"/>
    </xf>
    <xf numFmtId="0" fontId="35" fillId="0" borderId="0" xfId="6" applyFont="1" applyBorder="1" applyAlignment="1">
      <alignment horizontal="center" vertical="center"/>
    </xf>
    <xf numFmtId="0" fontId="35" fillId="0" borderId="0" xfId="6" applyFont="1" applyBorder="1" applyAlignment="1">
      <alignment vertical="center" wrapText="1"/>
    </xf>
    <xf numFmtId="0" fontId="15" fillId="0" borderId="0" xfId="6" applyFont="1" applyBorder="1">
      <alignment vertical="center"/>
    </xf>
    <xf numFmtId="0" fontId="15" fillId="0" borderId="10" xfId="6" applyFont="1" applyBorder="1" applyAlignment="1">
      <alignment horizontal="center" vertical="center"/>
    </xf>
    <xf numFmtId="0" fontId="46" fillId="0" borderId="0" xfId="6" applyFont="1">
      <alignment vertical="center"/>
    </xf>
    <xf numFmtId="0" fontId="38" fillId="0" borderId="0" xfId="6" applyFont="1">
      <alignment vertical="center"/>
    </xf>
    <xf numFmtId="0" fontId="35" fillId="0" borderId="0" xfId="6" applyFont="1">
      <alignment vertical="center"/>
    </xf>
    <xf numFmtId="0" fontId="35" fillId="0" borderId="11" xfId="6" applyFont="1" applyBorder="1" applyAlignment="1">
      <alignment horizontal="center" vertical="center"/>
    </xf>
    <xf numFmtId="0" fontId="38" fillId="0" borderId="0" xfId="0" applyFont="1" applyBorder="1">
      <alignment vertical="center"/>
    </xf>
    <xf numFmtId="0" fontId="35" fillId="0" borderId="6" xfId="0" applyFont="1" applyBorder="1" applyAlignment="1">
      <alignment horizontal="center" vertical="center"/>
    </xf>
    <xf numFmtId="0" fontId="35" fillId="0" borderId="8" xfId="0" applyFont="1" applyBorder="1">
      <alignment vertical="center"/>
    </xf>
    <xf numFmtId="0" fontId="35" fillId="0" borderId="8" xfId="0" applyFont="1" applyBorder="1" applyAlignment="1">
      <alignment horizontal="center" vertical="center"/>
    </xf>
    <xf numFmtId="177" fontId="35" fillId="0" borderId="8" xfId="0" applyNumberFormat="1" applyFont="1" applyFill="1" applyBorder="1" applyAlignment="1">
      <alignment horizontal="center" vertical="center"/>
    </xf>
    <xf numFmtId="0" fontId="35" fillId="0" borderId="8" xfId="0" applyFont="1" applyBorder="1" applyAlignment="1">
      <alignment vertical="center" wrapText="1"/>
    </xf>
    <xf numFmtId="0" fontId="35" fillId="0" borderId="0" xfId="0" applyFont="1" applyBorder="1">
      <alignment vertical="center"/>
    </xf>
    <xf numFmtId="0" fontId="35" fillId="0" borderId="1" xfId="0" applyFont="1" applyBorder="1" applyAlignment="1">
      <alignment horizontal="center" vertical="center"/>
    </xf>
    <xf numFmtId="0" fontId="35" fillId="0" borderId="2" xfId="0" applyFont="1" applyBorder="1">
      <alignment vertical="center"/>
    </xf>
    <xf numFmtId="177" fontId="35" fillId="0" borderId="12" xfId="0" applyNumberFormat="1" applyFont="1" applyFill="1" applyBorder="1" applyAlignment="1">
      <alignment horizontal="center" vertical="center"/>
    </xf>
    <xf numFmtId="0" fontId="35" fillId="0" borderId="6" xfId="0" applyFont="1" applyBorder="1" applyAlignment="1">
      <alignment horizontal="left" vertical="center" wrapText="1"/>
    </xf>
    <xf numFmtId="0" fontId="19" fillId="0" borderId="0" xfId="0" applyFont="1" applyBorder="1">
      <alignment vertical="center"/>
    </xf>
    <xf numFmtId="0" fontId="15" fillId="0" borderId="1" xfId="0" applyFont="1" applyBorder="1" applyAlignment="1">
      <alignment horizontal="center" vertical="center"/>
    </xf>
    <xf numFmtId="0" fontId="15" fillId="0" borderId="2" xfId="0" applyFont="1" applyBorder="1">
      <alignment vertical="center"/>
    </xf>
    <xf numFmtId="0" fontId="15" fillId="0" borderId="12" xfId="0" applyFont="1" applyBorder="1" applyAlignment="1">
      <alignment horizontal="center" vertical="center"/>
    </xf>
    <xf numFmtId="177" fontId="15" fillId="0" borderId="10" xfId="0" applyNumberFormat="1" applyFont="1" applyFill="1" applyBorder="1" applyAlignment="1">
      <alignment horizontal="center" vertical="center"/>
    </xf>
    <xf numFmtId="0" fontId="15" fillId="0" borderId="1" xfId="0" applyFont="1" applyBorder="1" applyAlignment="1" applyProtection="1">
      <alignment horizontal="center" vertical="center" wrapText="1"/>
      <protection locked="0"/>
    </xf>
    <xf numFmtId="177" fontId="35" fillId="0" borderId="11" xfId="0" applyNumberFormat="1" applyFont="1" applyFill="1" applyBorder="1" applyAlignment="1">
      <alignment horizontal="center" vertical="center"/>
    </xf>
    <xf numFmtId="0" fontId="35" fillId="0" borderId="6" xfId="0" applyFont="1" applyBorder="1" applyAlignment="1">
      <alignment vertical="center" wrapText="1"/>
    </xf>
    <xf numFmtId="0" fontId="15" fillId="0" borderId="3" xfId="0" applyFont="1" applyBorder="1" applyAlignment="1">
      <alignment vertical="center" wrapText="1"/>
    </xf>
    <xf numFmtId="0" fontId="35" fillId="0" borderId="8" xfId="0" applyFont="1" applyFill="1" applyBorder="1" applyAlignment="1">
      <alignment horizontal="center" vertical="center"/>
    </xf>
    <xf numFmtId="0" fontId="35" fillId="0" borderId="8" xfId="0" applyFont="1" applyFill="1" applyBorder="1" applyAlignment="1">
      <alignment vertical="center" wrapText="1"/>
    </xf>
    <xf numFmtId="0" fontId="35" fillId="0" borderId="1" xfId="0" applyFont="1" applyFill="1" applyBorder="1" applyAlignment="1">
      <alignment horizontal="center" vertical="center"/>
    </xf>
    <xf numFmtId="0" fontId="35" fillId="0" borderId="2" xfId="0" applyFont="1" applyFill="1" applyBorder="1">
      <alignment vertical="center"/>
    </xf>
    <xf numFmtId="0" fontId="35" fillId="0" borderId="6" xfId="0" applyFont="1" applyFill="1" applyBorder="1" applyAlignment="1">
      <alignment vertical="center" wrapText="1"/>
    </xf>
    <xf numFmtId="0" fontId="15" fillId="0" borderId="1" xfId="0" applyFont="1" applyFill="1" applyBorder="1" applyAlignment="1">
      <alignment horizontal="center" vertical="center"/>
    </xf>
    <xf numFmtId="0" fontId="15" fillId="0" borderId="2" xfId="0" applyFont="1" applyFill="1" applyBorder="1">
      <alignment vertical="center"/>
    </xf>
    <xf numFmtId="0" fontId="15" fillId="0" borderId="12" xfId="0" applyFont="1" applyFill="1" applyBorder="1" applyAlignment="1">
      <alignment horizontal="center" vertical="center"/>
    </xf>
    <xf numFmtId="177" fontId="15" fillId="0" borderId="12" xfId="0" applyNumberFormat="1" applyFont="1" applyFill="1" applyBorder="1" applyAlignment="1">
      <alignment horizontal="center" vertical="center"/>
    </xf>
    <xf numFmtId="0" fontId="15" fillId="0" borderId="3" xfId="0" applyFont="1" applyFill="1" applyBorder="1" applyAlignment="1">
      <alignment vertical="top" wrapText="1"/>
    </xf>
    <xf numFmtId="0" fontId="35" fillId="0" borderId="12" xfId="0" applyFont="1" applyFill="1" applyBorder="1" applyAlignment="1">
      <alignment horizontal="center" vertical="center"/>
    </xf>
    <xf numFmtId="0" fontId="35" fillId="0" borderId="6" xfId="0" applyFont="1" applyFill="1" applyBorder="1" applyAlignment="1">
      <alignment horizontal="left" vertical="center" wrapText="1"/>
    </xf>
    <xf numFmtId="0" fontId="15" fillId="0" borderId="3" xfId="0" applyFont="1" applyFill="1" applyBorder="1" applyAlignment="1">
      <alignment horizontal="center" vertical="center"/>
    </xf>
    <xf numFmtId="0" fontId="15" fillId="0" borderId="4" xfId="0" applyFont="1" applyFill="1" applyBorder="1">
      <alignment vertical="center"/>
    </xf>
    <xf numFmtId="0" fontId="15" fillId="0" borderId="10" xfId="0" applyFont="1" applyFill="1" applyBorder="1" applyAlignment="1">
      <alignment horizontal="center" vertical="center"/>
    </xf>
    <xf numFmtId="0" fontId="15" fillId="0" borderId="3" xfId="0" applyFont="1" applyFill="1" applyBorder="1" applyAlignment="1" applyProtection="1">
      <alignment horizontal="center" vertical="center" wrapText="1"/>
      <protection locked="0"/>
    </xf>
    <xf numFmtId="0" fontId="35" fillId="0" borderId="0" xfId="0" applyFont="1" applyBorder="1" applyAlignment="1">
      <alignment horizontal="center" vertical="center"/>
    </xf>
    <xf numFmtId="177" fontId="35" fillId="0" borderId="0" xfId="0" applyNumberFormat="1" applyFont="1" applyFill="1" applyBorder="1" applyAlignment="1">
      <alignment horizontal="center" vertical="center"/>
    </xf>
    <xf numFmtId="0" fontId="35" fillId="0" borderId="0" xfId="0" applyFont="1" applyBorder="1" applyAlignment="1">
      <alignment vertical="center" wrapText="1"/>
    </xf>
    <xf numFmtId="0" fontId="10" fillId="0" borderId="1" xfId="0" applyFont="1" applyBorder="1">
      <alignment vertical="center"/>
    </xf>
    <xf numFmtId="0" fontId="35" fillId="0" borderId="11" xfId="0" applyFont="1" applyBorder="1" applyAlignment="1">
      <alignment vertical="center" wrapText="1"/>
    </xf>
    <xf numFmtId="0" fontId="15" fillId="0" borderId="10" xfId="0" applyFont="1" applyBorder="1" applyAlignment="1">
      <alignment vertical="center" wrapText="1"/>
    </xf>
    <xf numFmtId="0" fontId="35" fillId="0" borderId="3" xfId="0" applyFont="1" applyBorder="1" applyAlignment="1">
      <alignment horizontal="center" vertical="center"/>
    </xf>
    <xf numFmtId="177" fontId="35" fillId="0" borderId="11" xfId="0" applyNumberFormat="1" applyFont="1" applyFill="1" applyBorder="1" applyAlignment="1">
      <alignment horizontal="center" vertical="top"/>
    </xf>
    <xf numFmtId="177" fontId="35" fillId="0" borderId="10" xfId="0" applyNumberFormat="1" applyFont="1" applyFill="1" applyBorder="1" applyAlignment="1">
      <alignment horizontal="center" vertical="center"/>
    </xf>
    <xf numFmtId="0" fontId="35" fillId="0" borderId="11" xfId="0" applyFont="1" applyBorder="1" applyAlignment="1">
      <alignment horizontal="left" vertical="center" wrapText="1" indent="1"/>
    </xf>
    <xf numFmtId="0" fontId="35" fillId="0" borderId="6" xfId="0" applyFont="1" applyFill="1" applyBorder="1" applyAlignment="1">
      <alignment horizontal="center" vertical="center"/>
    </xf>
    <xf numFmtId="177" fontId="60" fillId="0" borderId="8" xfId="0" applyNumberFormat="1" applyFont="1" applyFill="1" applyBorder="1" applyAlignment="1">
      <alignment horizontal="center" vertical="center"/>
    </xf>
    <xf numFmtId="0" fontId="60" fillId="0" borderId="8" xfId="0" applyFont="1" applyBorder="1" applyAlignment="1">
      <alignment vertical="center" wrapText="1"/>
    </xf>
    <xf numFmtId="0" fontId="61" fillId="0" borderId="0" xfId="0" applyFont="1" applyBorder="1">
      <alignment vertical="center"/>
    </xf>
    <xf numFmtId="0" fontId="33" fillId="0" borderId="11" xfId="0" applyFont="1" applyFill="1" applyBorder="1" applyAlignment="1">
      <alignment vertical="center" wrapText="1"/>
    </xf>
    <xf numFmtId="0" fontId="13" fillId="0" borderId="10" xfId="0" applyFont="1" applyFill="1" applyBorder="1" applyAlignment="1">
      <alignment vertical="center" wrapText="1"/>
    </xf>
    <xf numFmtId="0" fontId="15" fillId="0" borderId="12" xfId="6" applyFont="1" applyBorder="1" applyAlignment="1">
      <alignment horizontal="center" vertical="center"/>
    </xf>
    <xf numFmtId="0" fontId="15" fillId="0" borderId="12" xfId="6" applyFont="1" applyBorder="1" applyAlignment="1">
      <alignment vertical="center" wrapText="1"/>
    </xf>
    <xf numFmtId="0" fontId="15" fillId="0" borderId="0" xfId="0" applyFont="1" applyBorder="1" applyAlignment="1">
      <alignment horizontal="center" vertical="center"/>
    </xf>
    <xf numFmtId="177" fontId="15" fillId="0" borderId="0" xfId="0" applyNumberFormat="1" applyFont="1" applyFill="1" applyBorder="1" applyAlignment="1">
      <alignment horizontal="center" vertical="center"/>
    </xf>
    <xf numFmtId="0" fontId="15" fillId="0" borderId="0" xfId="0" applyFont="1" applyBorder="1" applyAlignment="1">
      <alignment vertical="center" wrapText="1"/>
    </xf>
    <xf numFmtId="0" fontId="19" fillId="0" borderId="0" xfId="0" applyFont="1" applyFill="1" applyBorder="1">
      <alignment vertical="center"/>
    </xf>
    <xf numFmtId="0" fontId="35" fillId="0" borderId="0" xfId="0" applyFont="1" applyFill="1" applyBorder="1">
      <alignment vertical="center"/>
    </xf>
    <xf numFmtId="0" fontId="15" fillId="0" borderId="0" xfId="0" applyFont="1" applyFill="1" applyBorder="1" applyAlignment="1">
      <alignment horizontal="center" vertical="center"/>
    </xf>
    <xf numFmtId="0" fontId="15" fillId="0" borderId="0" xfId="0" applyFont="1" applyFill="1" applyBorder="1" applyAlignment="1">
      <alignment vertical="center" wrapText="1"/>
    </xf>
    <xf numFmtId="0" fontId="35" fillId="0" borderId="0" xfId="0" applyFont="1" applyFill="1" applyBorder="1" applyAlignment="1">
      <alignment horizontal="center" vertical="center"/>
    </xf>
    <xf numFmtId="0" fontId="35" fillId="0" borderId="11" xfId="0" applyFont="1" applyBorder="1" applyAlignment="1">
      <alignment horizontal="right" vertical="center" wrapText="1"/>
    </xf>
    <xf numFmtId="0" fontId="35" fillId="0" borderId="12" xfId="0" applyFont="1" applyBorder="1" applyAlignment="1">
      <alignment horizontal="right" vertical="center" wrapText="1"/>
    </xf>
    <xf numFmtId="0" fontId="15" fillId="0" borderId="12" xfId="0" applyFont="1" applyBorder="1" applyAlignment="1">
      <alignment horizontal="right" vertical="center" wrapText="1"/>
    </xf>
    <xf numFmtId="0" fontId="15" fillId="0" borderId="12" xfId="0" applyFont="1" applyBorder="1" applyAlignment="1">
      <alignment vertical="center" wrapText="1"/>
    </xf>
    <xf numFmtId="0" fontId="40" fillId="2" borderId="11" xfId="0" applyFont="1" applyFill="1" applyBorder="1" applyAlignment="1">
      <alignment horizontal="center" vertical="center" wrapText="1"/>
    </xf>
    <xf numFmtId="0" fontId="35" fillId="0" borderId="8" xfId="0" applyFont="1" applyFill="1" applyBorder="1">
      <alignment vertical="center"/>
    </xf>
    <xf numFmtId="0" fontId="13" fillId="0" borderId="0" xfId="0" applyFont="1" applyAlignment="1">
      <alignment horizontal="right" vertical="top"/>
    </xf>
    <xf numFmtId="0" fontId="35" fillId="0" borderId="30" xfId="0" applyFont="1" applyBorder="1">
      <alignment vertical="center"/>
    </xf>
    <xf numFmtId="0" fontId="35" fillId="0" borderId="31" xfId="0" applyFont="1" applyBorder="1">
      <alignment vertical="center"/>
    </xf>
    <xf numFmtId="0" fontId="15" fillId="0" borderId="30" xfId="0" applyFont="1" applyBorder="1">
      <alignment vertical="center"/>
    </xf>
    <xf numFmtId="0" fontId="35" fillId="0" borderId="30" xfId="0" applyFont="1" applyFill="1" applyBorder="1">
      <alignment vertical="center"/>
    </xf>
    <xf numFmtId="0" fontId="35" fillId="0" borderId="31" xfId="0" applyFont="1" applyFill="1" applyBorder="1">
      <alignment vertical="center"/>
    </xf>
    <xf numFmtId="0" fontId="15" fillId="0" borderId="33" xfId="0" applyFont="1" applyBorder="1" applyAlignment="1">
      <alignment horizontal="center" vertical="center"/>
    </xf>
    <xf numFmtId="177" fontId="15" fillId="0" borderId="33" xfId="0" applyNumberFormat="1" applyFont="1" applyFill="1" applyBorder="1" applyAlignment="1">
      <alignment horizontal="center" vertical="center"/>
    </xf>
    <xf numFmtId="0" fontId="15" fillId="0" borderId="33" xfId="0" applyFont="1" applyBorder="1" applyAlignment="1">
      <alignment vertical="center" wrapText="1"/>
    </xf>
    <xf numFmtId="0" fontId="35" fillId="0" borderId="33" xfId="0" applyFont="1" applyBorder="1" applyAlignment="1">
      <alignment horizontal="center" vertical="center"/>
    </xf>
    <xf numFmtId="0" fontId="35" fillId="0" borderId="34" xfId="0" applyFont="1" applyBorder="1">
      <alignment vertical="center"/>
    </xf>
    <xf numFmtId="0" fontId="65" fillId="0" borderId="35" xfId="0" applyFont="1" applyBorder="1" applyAlignment="1">
      <alignment horizontal="left" vertical="center"/>
    </xf>
    <xf numFmtId="0" fontId="19" fillId="0" borderId="36" xfId="0" applyFont="1" applyBorder="1" applyAlignment="1">
      <alignment horizontal="center" vertical="center"/>
    </xf>
    <xf numFmtId="177" fontId="19" fillId="0" borderId="36" xfId="0" applyNumberFormat="1" applyFont="1" applyFill="1" applyBorder="1" applyAlignment="1">
      <alignment horizontal="center" vertical="center"/>
    </xf>
    <xf numFmtId="0" fontId="19" fillId="0" borderId="36" xfId="0" applyFont="1" applyBorder="1" applyAlignment="1">
      <alignment vertical="center" wrapText="1"/>
    </xf>
    <xf numFmtId="0" fontId="38" fillId="0" borderId="36" xfId="0" applyFont="1" applyBorder="1" applyAlignment="1">
      <alignment horizontal="center" vertical="center"/>
    </xf>
    <xf numFmtId="0" fontId="38" fillId="0" borderId="37" xfId="0" applyFont="1" applyBorder="1">
      <alignment vertical="center"/>
    </xf>
    <xf numFmtId="0" fontId="67" fillId="2" borderId="10" xfId="0" applyFont="1" applyFill="1" applyBorder="1" applyAlignment="1">
      <alignment horizontal="center" vertical="center"/>
    </xf>
    <xf numFmtId="0" fontId="61" fillId="0" borderId="12" xfId="0" applyFont="1" applyBorder="1" applyAlignment="1">
      <alignment horizontal="center" vertical="center"/>
    </xf>
    <xf numFmtId="0" fontId="60" fillId="0" borderId="12" xfId="0" applyFont="1" applyBorder="1" applyAlignment="1">
      <alignment horizontal="center" vertical="center"/>
    </xf>
    <xf numFmtId="0" fontId="35" fillId="0" borderId="11" xfId="0" applyFont="1" applyBorder="1" applyAlignment="1">
      <alignment horizontal="center" vertical="center" wrapText="1"/>
    </xf>
    <xf numFmtId="0" fontId="35" fillId="0" borderId="9" xfId="0" applyFont="1" applyFill="1" applyBorder="1" applyAlignment="1" applyProtection="1">
      <alignment horizontal="center" vertical="center"/>
      <protection locked="0"/>
    </xf>
    <xf numFmtId="0" fontId="35" fillId="0" borderId="11" xfId="0" applyFont="1" applyBorder="1" applyAlignment="1">
      <alignment horizontal="center" vertical="center"/>
    </xf>
    <xf numFmtId="0" fontId="35" fillId="0" borderId="12" xfId="0" applyFont="1" applyBorder="1" applyAlignment="1">
      <alignment horizontal="center" vertical="center"/>
    </xf>
    <xf numFmtId="0" fontId="35" fillId="0" borderId="10" xfId="0" applyFont="1" applyBorder="1" applyAlignment="1">
      <alignment horizontal="center" vertical="center"/>
    </xf>
    <xf numFmtId="0" fontId="17" fillId="0" borderId="0" xfId="6" applyFont="1" applyBorder="1" applyAlignment="1">
      <alignment horizontal="left" vertical="center" wrapText="1"/>
    </xf>
    <xf numFmtId="0" fontId="35" fillId="0" borderId="9" xfId="0" applyFont="1" applyFill="1" applyBorder="1" applyAlignment="1" applyProtection="1">
      <alignment horizontal="center" vertical="center"/>
      <protection locked="0"/>
    </xf>
    <xf numFmtId="0" fontId="15" fillId="0" borderId="32" xfId="0" applyFont="1" applyBorder="1">
      <alignment vertical="center"/>
    </xf>
    <xf numFmtId="0" fontId="15" fillId="0" borderId="10" xfId="0" applyFont="1" applyBorder="1" applyAlignment="1">
      <alignment horizontal="left" vertical="center" wrapText="1" indent="2"/>
    </xf>
    <xf numFmtId="0" fontId="63" fillId="0" borderId="0" xfId="0" applyFont="1" applyBorder="1">
      <alignment vertical="center"/>
    </xf>
    <xf numFmtId="177" fontId="33" fillId="0" borderId="10" xfId="0" applyNumberFormat="1" applyFont="1" applyFill="1" applyBorder="1" applyAlignment="1">
      <alignment horizontal="center" vertical="center"/>
    </xf>
    <xf numFmtId="0" fontId="33" fillId="0" borderId="26" xfId="0" applyFont="1" applyBorder="1" applyAlignment="1">
      <alignment horizontal="left" vertical="center" wrapText="1" indent="1"/>
    </xf>
    <xf numFmtId="0" fontId="35" fillId="0" borderId="9" xfId="0" applyFont="1" applyFill="1" applyBorder="1" applyAlignment="1" applyProtection="1">
      <alignment horizontal="center" vertical="center"/>
      <protection locked="0"/>
    </xf>
    <xf numFmtId="0" fontId="35" fillId="4" borderId="0" xfId="0" applyFont="1" applyFill="1" applyAlignment="1"/>
    <xf numFmtId="0" fontId="11" fillId="4" borderId="0" xfId="0" applyFont="1" applyFill="1" applyAlignment="1"/>
    <xf numFmtId="0" fontId="35" fillId="4" borderId="0" xfId="0" quotePrefix="1" applyFont="1" applyFill="1" applyAlignment="1">
      <alignment horizontal="right"/>
    </xf>
    <xf numFmtId="49" fontId="35" fillId="4" borderId="0" xfId="0" applyNumberFormat="1" applyFont="1" applyFill="1" applyAlignment="1"/>
    <xf numFmtId="0" fontId="35" fillId="4" borderId="0" xfId="0" applyFont="1" applyFill="1" applyAlignment="1">
      <alignment horizontal="right"/>
    </xf>
    <xf numFmtId="0" fontId="15" fillId="4" borderId="38" xfId="0" applyFont="1" applyFill="1" applyBorder="1" applyAlignment="1">
      <alignment horizontal="left"/>
    </xf>
    <xf numFmtId="0" fontId="15" fillId="4" borderId="39" xfId="0" applyFont="1" applyFill="1" applyBorder="1" applyAlignment="1"/>
    <xf numFmtId="0" fontId="15" fillId="4" borderId="40" xfId="0" applyFont="1" applyFill="1" applyBorder="1" applyAlignment="1"/>
    <xf numFmtId="49" fontId="15" fillId="4" borderId="39" xfId="0" applyNumberFormat="1" applyFont="1" applyFill="1" applyBorder="1" applyAlignment="1">
      <alignment horizontal="center"/>
    </xf>
    <xf numFmtId="0" fontId="15" fillId="4" borderId="1" xfId="0" applyFont="1" applyFill="1" applyBorder="1">
      <alignment vertical="center"/>
    </xf>
    <xf numFmtId="0" fontId="15" fillId="4" borderId="2" xfId="0" applyFont="1" applyFill="1" applyBorder="1" applyAlignment="1"/>
    <xf numFmtId="0" fontId="15" fillId="4" borderId="1" xfId="0" applyFont="1" applyFill="1" applyBorder="1" applyAlignment="1">
      <alignment horizontal="left" vertical="center"/>
    </xf>
    <xf numFmtId="0" fontId="15" fillId="4" borderId="0" xfId="0" applyFont="1" applyFill="1" applyBorder="1" applyAlignment="1"/>
    <xf numFmtId="0" fontId="15" fillId="4" borderId="3" xfId="0" applyFont="1" applyFill="1" applyBorder="1" applyAlignment="1"/>
    <xf numFmtId="0" fontId="15" fillId="4" borderId="4" xfId="0" applyFont="1" applyFill="1" applyBorder="1" applyAlignment="1"/>
    <xf numFmtId="0" fontId="15" fillId="4" borderId="3" xfId="0" applyFont="1" applyFill="1" applyBorder="1" applyAlignment="1">
      <alignment horizontal="left" vertical="center"/>
    </xf>
    <xf numFmtId="0" fontId="15" fillId="4" borderId="5" xfId="0" applyFont="1" applyFill="1" applyBorder="1" applyAlignment="1"/>
    <xf numFmtId="0" fontId="15" fillId="4" borderId="6" xfId="0" applyFont="1" applyFill="1" applyBorder="1">
      <alignment vertical="center"/>
    </xf>
    <xf numFmtId="0" fontId="15" fillId="4" borderId="14" xfId="0" applyFont="1" applyFill="1" applyBorder="1" applyAlignment="1"/>
    <xf numFmtId="0" fontId="15" fillId="4" borderId="6" xfId="0" applyFont="1" applyFill="1" applyBorder="1" applyAlignment="1">
      <alignment horizontal="left" vertical="center"/>
    </xf>
    <xf numFmtId="0" fontId="15" fillId="4" borderId="8" xfId="0" applyFont="1" applyFill="1" applyBorder="1" applyAlignment="1"/>
    <xf numFmtId="0" fontId="15" fillId="4" borderId="26" xfId="0" applyFont="1" applyFill="1" applyBorder="1" applyAlignment="1">
      <alignment vertical="center"/>
    </xf>
    <xf numFmtId="0" fontId="15" fillId="4" borderId="19" xfId="0" applyFont="1" applyFill="1" applyBorder="1" applyAlignment="1">
      <alignment vertical="center"/>
    </xf>
    <xf numFmtId="0" fontId="15" fillId="4" borderId="26" xfId="0" applyFont="1" applyFill="1" applyBorder="1" applyAlignment="1">
      <alignment horizontal="left" vertical="center"/>
    </xf>
    <xf numFmtId="0" fontId="15" fillId="4" borderId="7" xfId="0" applyFont="1" applyFill="1" applyBorder="1" applyAlignment="1">
      <alignment vertical="center"/>
    </xf>
    <xf numFmtId="49" fontId="15" fillId="4" borderId="19" xfId="0" applyNumberFormat="1" applyFont="1" applyFill="1" applyBorder="1" applyAlignment="1">
      <alignment horizontal="center" vertical="center" wrapText="1"/>
    </xf>
    <xf numFmtId="0" fontId="15" fillId="4" borderId="3" xfId="0" applyFont="1" applyFill="1" applyBorder="1" applyAlignment="1">
      <alignment vertical="center"/>
    </xf>
    <xf numFmtId="0" fontId="15" fillId="4" borderId="4" xfId="0" applyFont="1" applyFill="1" applyBorder="1" applyAlignment="1">
      <alignment vertical="center"/>
    </xf>
    <xf numFmtId="0" fontId="15" fillId="4" borderId="5" xfId="0" applyFont="1" applyFill="1" applyBorder="1" applyAlignment="1">
      <alignment vertical="center"/>
    </xf>
    <xf numFmtId="49" fontId="15" fillId="4" borderId="4" xfId="0" applyNumberFormat="1" applyFont="1" applyFill="1" applyBorder="1" applyAlignment="1">
      <alignment horizontal="center" vertical="center" wrapText="1"/>
    </xf>
    <xf numFmtId="0" fontId="10" fillId="0" borderId="19" xfId="0" applyFont="1" applyBorder="1" applyAlignment="1">
      <alignment vertical="center"/>
    </xf>
    <xf numFmtId="0" fontId="35" fillId="4" borderId="0" xfId="0" applyFont="1" applyFill="1" applyAlignment="1">
      <alignment horizontal="left"/>
    </xf>
    <xf numFmtId="0" fontId="15" fillId="4" borderId="0" xfId="0" applyFont="1" applyFill="1" applyBorder="1" applyAlignment="1">
      <alignment vertical="center"/>
    </xf>
    <xf numFmtId="0" fontId="15" fillId="4" borderId="0" xfId="0" applyFont="1" applyFill="1" applyBorder="1" applyAlignment="1">
      <alignment horizontal="left" vertical="center"/>
    </xf>
    <xf numFmtId="49" fontId="15" fillId="4" borderId="0" xfId="0" applyNumberFormat="1" applyFont="1" applyFill="1" applyBorder="1" applyAlignment="1">
      <alignment horizontal="center" vertical="center" wrapText="1"/>
    </xf>
    <xf numFmtId="0" fontId="17" fillId="4" borderId="0" xfId="0" applyFont="1" applyFill="1" applyBorder="1" applyAlignment="1">
      <alignment horizontal="left" vertical="center"/>
    </xf>
    <xf numFmtId="0" fontId="35" fillId="4" borderId="0" xfId="0" applyFont="1" applyFill="1" applyBorder="1" applyAlignment="1"/>
    <xf numFmtId="0" fontId="17" fillId="4" borderId="0" xfId="0" applyFont="1" applyFill="1" applyBorder="1" applyAlignment="1"/>
    <xf numFmtId="49" fontId="17" fillId="4" borderId="0" xfId="0" applyNumberFormat="1" applyFont="1" applyFill="1" applyBorder="1" applyAlignment="1">
      <alignment horizontal="center" vertical="center" wrapText="1"/>
    </xf>
    <xf numFmtId="0" fontId="10" fillId="4" borderId="0" xfId="0" applyFont="1" applyFill="1" applyAlignment="1"/>
    <xf numFmtId="49" fontId="17" fillId="4" borderId="0" xfId="0" applyNumberFormat="1" applyFont="1" applyFill="1" applyAlignment="1"/>
    <xf numFmtId="0" fontId="76" fillId="4" borderId="0" xfId="0" applyFont="1" applyFill="1" applyAlignment="1"/>
    <xf numFmtId="0" fontId="77" fillId="4" borderId="0" xfId="0" applyFont="1" applyFill="1">
      <alignment vertical="center"/>
    </xf>
    <xf numFmtId="0" fontId="77" fillId="4" borderId="0" xfId="0" applyFont="1" applyFill="1" applyAlignment="1"/>
    <xf numFmtId="0" fontId="77" fillId="4" borderId="0" xfId="0" applyFont="1" applyFill="1" applyAlignment="1">
      <alignment horizontal="center"/>
    </xf>
    <xf numFmtId="0" fontId="78" fillId="4" borderId="0" xfId="0" applyFont="1" applyFill="1" applyAlignment="1"/>
    <xf numFmtId="0" fontId="15" fillId="4" borderId="1" xfId="0" applyFont="1" applyFill="1" applyBorder="1" applyAlignment="1"/>
    <xf numFmtId="0" fontId="35" fillId="4" borderId="0" xfId="0" quotePrefix="1" applyFont="1" applyFill="1" applyAlignment="1"/>
    <xf numFmtId="0" fontId="35" fillId="4" borderId="0" xfId="0" applyFont="1" applyFill="1">
      <alignment vertical="center"/>
    </xf>
    <xf numFmtId="0" fontId="33" fillId="4" borderId="0" xfId="2" applyFont="1" applyFill="1" applyProtection="1">
      <alignment vertical="center"/>
    </xf>
    <xf numFmtId="0" fontId="79" fillId="4" borderId="0" xfId="2" applyFont="1" applyFill="1" applyProtection="1">
      <alignment vertical="center"/>
    </xf>
    <xf numFmtId="56" fontId="33" fillId="4" borderId="0" xfId="2" quotePrefix="1" applyNumberFormat="1" applyFont="1" applyFill="1" applyAlignment="1" applyProtection="1">
      <alignment horizontal="right" vertical="center"/>
    </xf>
    <xf numFmtId="0" fontId="33" fillId="4" borderId="0" xfId="2" applyFont="1" applyFill="1">
      <alignment vertical="center"/>
    </xf>
    <xf numFmtId="0" fontId="13" fillId="4" borderId="0" xfId="2" applyFont="1" applyFill="1" applyProtection="1">
      <alignment vertical="center"/>
    </xf>
    <xf numFmtId="0" fontId="33" fillId="4" borderId="5" xfId="2" applyFont="1" applyFill="1" applyBorder="1" applyAlignment="1" applyProtection="1">
      <alignment horizontal="center" vertical="center" wrapText="1"/>
    </xf>
    <xf numFmtId="0" fontId="33" fillId="4" borderId="0" xfId="2" applyFont="1" applyFill="1" applyAlignment="1" applyProtection="1">
      <alignment horizontal="right" vertical="center"/>
    </xf>
    <xf numFmtId="0" fontId="13" fillId="4" borderId="8" xfId="2" applyFont="1" applyFill="1" applyBorder="1" applyAlignment="1" applyProtection="1">
      <alignment horizontal="center" vertical="center" wrapText="1"/>
    </xf>
    <xf numFmtId="0" fontId="13" fillId="4" borderId="8" xfId="2" applyFont="1" applyFill="1" applyBorder="1" applyAlignment="1" applyProtection="1">
      <alignment horizontal="right" vertical="center"/>
    </xf>
    <xf numFmtId="0" fontId="79" fillId="4" borderId="0" xfId="2" applyFont="1" applyFill="1" applyBorder="1" applyProtection="1">
      <alignment vertical="center"/>
    </xf>
    <xf numFmtId="0" fontId="16" fillId="4" borderId="0" xfId="2" applyFont="1" applyFill="1" applyProtection="1">
      <alignment vertical="center"/>
    </xf>
    <xf numFmtId="0" fontId="16" fillId="4" borderId="0" xfId="2" applyFont="1" applyFill="1" applyBorder="1" applyProtection="1">
      <alignment vertical="center"/>
    </xf>
    <xf numFmtId="0" fontId="16" fillId="4" borderId="0" xfId="2" applyFont="1" applyFill="1">
      <alignment vertical="center"/>
    </xf>
    <xf numFmtId="0" fontId="16" fillId="4" borderId="0" xfId="2" applyFont="1" applyFill="1" applyBorder="1" applyAlignment="1" applyProtection="1">
      <alignment vertical="center"/>
    </xf>
    <xf numFmtId="0" fontId="16" fillId="4" borderId="0" xfId="2" applyFont="1" applyFill="1" applyBorder="1" applyAlignment="1" applyProtection="1">
      <alignment horizontal="center" vertical="center"/>
    </xf>
    <xf numFmtId="0" fontId="38" fillId="4" borderId="0" xfId="2" applyFont="1" applyFill="1" applyBorder="1" applyProtection="1">
      <alignment vertical="center"/>
    </xf>
    <xf numFmtId="0" fontId="83" fillId="4" borderId="0" xfId="2" applyFont="1" applyFill="1" applyBorder="1" applyProtection="1">
      <alignment vertical="center"/>
    </xf>
    <xf numFmtId="0" fontId="35" fillId="0" borderId="49" xfId="2" applyFont="1" applyFill="1" applyBorder="1" applyAlignment="1" applyProtection="1">
      <alignment horizontal="center" vertical="center"/>
    </xf>
    <xf numFmtId="0" fontId="35" fillId="0" borderId="38" xfId="2" applyFont="1" applyFill="1" applyBorder="1" applyAlignment="1" applyProtection="1">
      <alignment horizontal="center" vertical="center" wrapText="1"/>
    </xf>
    <xf numFmtId="0" fontId="35" fillId="0" borderId="10" xfId="2" applyFont="1" applyFill="1" applyBorder="1" applyAlignment="1" applyProtection="1">
      <alignment horizontal="left" vertical="center" wrapText="1"/>
    </xf>
    <xf numFmtId="0" fontId="35" fillId="0" borderId="19" xfId="2" applyFont="1" applyFill="1" applyBorder="1" applyAlignment="1" applyProtection="1">
      <alignment horizontal="center" vertical="center" wrapText="1"/>
    </xf>
    <xf numFmtId="0" fontId="35" fillId="0" borderId="10" xfId="2" applyFont="1" applyFill="1" applyBorder="1" applyAlignment="1" applyProtection="1">
      <alignment vertical="center" wrapText="1"/>
    </xf>
    <xf numFmtId="0" fontId="35" fillId="0" borderId="11" xfId="2" applyFont="1" applyFill="1" applyBorder="1" applyAlignment="1" applyProtection="1">
      <alignment horizontal="center" vertical="center"/>
    </xf>
    <xf numFmtId="0" fontId="35" fillId="0" borderId="6" xfId="2" applyFont="1" applyFill="1" applyBorder="1" applyAlignment="1" applyProtection="1">
      <alignment horizontal="center" vertical="center"/>
    </xf>
    <xf numFmtId="0" fontId="35" fillId="0" borderId="26" xfId="2" applyFont="1" applyFill="1" applyBorder="1" applyAlignment="1" applyProtection="1">
      <alignment horizontal="center" vertical="center"/>
    </xf>
    <xf numFmtId="0" fontId="35" fillId="0" borderId="9" xfId="0" applyFont="1" applyFill="1" applyBorder="1" applyAlignment="1">
      <alignment vertical="center" wrapText="1"/>
    </xf>
    <xf numFmtId="49" fontId="35" fillId="0" borderId="9" xfId="0" applyNumberFormat="1" applyFont="1" applyBorder="1">
      <alignment vertical="center"/>
    </xf>
    <xf numFmtId="0" fontId="35" fillId="0" borderId="9" xfId="0" applyFont="1" applyFill="1" applyBorder="1" applyAlignment="1">
      <alignment horizontal="left" vertical="center" wrapText="1"/>
    </xf>
    <xf numFmtId="0" fontId="35" fillId="0" borderId="0" xfId="2" applyFont="1" applyFill="1" applyBorder="1" applyAlignment="1" applyProtection="1">
      <alignment horizontal="center" vertical="center"/>
    </xf>
    <xf numFmtId="0" fontId="10" fillId="0" borderId="0" xfId="2" applyFont="1" applyFill="1" applyBorder="1" applyAlignment="1" applyProtection="1">
      <alignment horizontal="left" vertical="center"/>
    </xf>
    <xf numFmtId="49" fontId="10" fillId="0" borderId="0" xfId="0" applyNumberFormat="1" applyFont="1" applyBorder="1">
      <alignment vertical="center"/>
    </xf>
    <xf numFmtId="0" fontId="10" fillId="0" borderId="0" xfId="2" applyFont="1" applyFill="1" applyBorder="1" applyAlignment="1" applyProtection="1">
      <alignment horizontal="left" vertical="center" wrapText="1" indent="1"/>
    </xf>
    <xf numFmtId="0" fontId="15" fillId="0" borderId="0" xfId="2" applyFont="1" applyFill="1" applyBorder="1" applyAlignment="1" applyProtection="1">
      <alignment horizontal="center" vertical="center" wrapText="1"/>
      <protection locked="0"/>
    </xf>
    <xf numFmtId="0" fontId="15" fillId="0" borderId="0" xfId="2" applyFont="1" applyFill="1" applyBorder="1" applyAlignment="1" applyProtection="1">
      <alignment horizontal="center" vertical="center"/>
      <protection locked="0"/>
    </xf>
    <xf numFmtId="0" fontId="52" fillId="0" borderId="0" xfId="2" applyFont="1" applyFill="1" applyBorder="1" applyAlignment="1" applyProtection="1">
      <alignment horizontal="center" vertical="center" wrapText="1"/>
    </xf>
    <xf numFmtId="0" fontId="35" fillId="0" borderId="0" xfId="11" applyFont="1" applyBorder="1" applyAlignment="1">
      <alignment vertical="center" wrapText="1"/>
    </xf>
    <xf numFmtId="0" fontId="15" fillId="0" borderId="0" xfId="2" applyFont="1" applyFill="1" applyBorder="1" applyAlignment="1" applyProtection="1">
      <alignment horizontal="left" vertical="center"/>
    </xf>
    <xf numFmtId="0" fontId="35" fillId="4" borderId="0" xfId="2" applyFont="1" applyFill="1">
      <alignment vertical="center"/>
    </xf>
    <xf numFmtId="0" fontId="15" fillId="4" borderId="0" xfId="2" applyFont="1" applyFill="1">
      <alignment vertical="center"/>
    </xf>
    <xf numFmtId="0" fontId="35" fillId="4" borderId="0" xfId="2" applyFont="1" applyFill="1" applyAlignment="1">
      <alignment vertical="center"/>
    </xf>
    <xf numFmtId="0" fontId="38" fillId="4" borderId="0" xfId="2" quotePrefix="1" applyFont="1" applyFill="1" applyAlignment="1">
      <alignment horizontal="center" vertical="center"/>
    </xf>
    <xf numFmtId="0" fontId="13" fillId="0" borderId="0" xfId="11" applyFont="1" applyBorder="1">
      <alignment vertical="center"/>
    </xf>
    <xf numFmtId="0" fontId="35" fillId="4" borderId="0" xfId="2" applyFont="1" applyFill="1" applyAlignment="1">
      <alignment horizontal="right" vertical="center"/>
    </xf>
    <xf numFmtId="0" fontId="65" fillId="4" borderId="0" xfId="2" applyFont="1" applyFill="1" applyBorder="1" applyProtection="1">
      <alignment vertical="center"/>
    </xf>
    <xf numFmtId="0" fontId="35" fillId="4" borderId="0" xfId="2" applyFont="1" applyFill="1" applyProtection="1">
      <alignment vertical="center"/>
    </xf>
    <xf numFmtId="0" fontId="17" fillId="4" borderId="0" xfId="2" applyFont="1" applyFill="1" applyBorder="1" applyProtection="1">
      <alignment vertical="center"/>
    </xf>
    <xf numFmtId="0" fontId="17" fillId="4" borderId="0" xfId="2" applyFont="1" applyFill="1" applyBorder="1" applyAlignment="1" applyProtection="1">
      <alignment horizontal="center" vertical="center"/>
    </xf>
    <xf numFmtId="0" fontId="17" fillId="4" borderId="0" xfId="2" applyFont="1" applyFill="1" applyProtection="1">
      <alignment vertical="center"/>
    </xf>
    <xf numFmtId="0" fontId="35" fillId="0" borderId="12" xfId="2" applyFont="1" applyFill="1" applyBorder="1" applyAlignment="1" applyProtection="1">
      <alignment horizontal="center" vertical="center"/>
    </xf>
    <xf numFmtId="0" fontId="35" fillId="0" borderId="12" xfId="2" applyFont="1" applyFill="1" applyBorder="1" applyAlignment="1" applyProtection="1">
      <alignment horizontal="left" vertical="center" wrapText="1"/>
    </xf>
    <xf numFmtId="0" fontId="35" fillId="0" borderId="9" xfId="2" applyFont="1" applyFill="1" applyBorder="1" applyAlignment="1" applyProtection="1">
      <alignment horizontal="center" vertical="center"/>
    </xf>
    <xf numFmtId="0" fontId="35" fillId="0" borderId="9" xfId="2" applyFont="1" applyFill="1" applyBorder="1" applyAlignment="1" applyProtection="1">
      <alignment horizontal="left" vertical="center" wrapText="1"/>
    </xf>
    <xf numFmtId="0" fontId="35" fillId="4" borderId="11" xfId="2" applyFont="1" applyFill="1" applyBorder="1" applyAlignment="1" applyProtection="1">
      <alignment horizontal="center" vertical="center"/>
    </xf>
    <xf numFmtId="0" fontId="35" fillId="0" borderId="11" xfId="0" applyFont="1" applyFill="1" applyBorder="1" applyAlignment="1">
      <alignment vertical="center" wrapText="1"/>
    </xf>
    <xf numFmtId="49" fontId="35" fillId="0" borderId="14" xfId="0" applyNumberFormat="1" applyFont="1" applyBorder="1">
      <alignment vertical="center"/>
    </xf>
    <xf numFmtId="0" fontId="33" fillId="0" borderId="0" xfId="2" applyFont="1" applyFill="1" applyProtection="1">
      <alignment vertical="center"/>
    </xf>
    <xf numFmtId="0" fontId="13" fillId="0" borderId="0" xfId="2" applyFont="1" applyFill="1" applyProtection="1">
      <alignment vertical="center"/>
    </xf>
    <xf numFmtId="0" fontId="33" fillId="0" borderId="0" xfId="2" applyFont="1" applyFill="1">
      <alignment vertical="center"/>
    </xf>
    <xf numFmtId="0" fontId="35" fillId="4" borderId="10" xfId="2" applyFont="1" applyFill="1" applyBorder="1" applyAlignment="1" applyProtection="1">
      <alignment horizontal="center" vertical="center"/>
    </xf>
    <xf numFmtId="0" fontId="10" fillId="4" borderId="0" xfId="2" applyFont="1" applyFill="1" applyBorder="1" applyAlignment="1" applyProtection="1">
      <alignment horizontal="center" vertical="center"/>
    </xf>
    <xf numFmtId="0" fontId="10" fillId="4" borderId="8" xfId="2" applyFont="1" applyFill="1" applyBorder="1" applyAlignment="1" applyProtection="1">
      <alignment horizontal="left" vertical="center"/>
    </xf>
    <xf numFmtId="0" fontId="52" fillId="4" borderId="0" xfId="2" applyFont="1" applyFill="1" applyBorder="1" applyAlignment="1" applyProtection="1">
      <alignment horizontal="left" vertical="center" wrapText="1" indent="1"/>
    </xf>
    <xf numFmtId="0" fontId="10" fillId="4" borderId="0" xfId="2" applyFont="1" applyFill="1" applyBorder="1" applyAlignment="1" applyProtection="1">
      <alignment horizontal="center" vertical="center" wrapText="1"/>
      <protection locked="0"/>
    </xf>
    <xf numFmtId="0" fontId="10" fillId="4" borderId="0" xfId="2" applyFont="1" applyFill="1" applyBorder="1" applyAlignment="1" applyProtection="1">
      <alignment horizontal="center" vertical="center"/>
      <protection locked="0"/>
    </xf>
    <xf numFmtId="0" fontId="10" fillId="4" borderId="0" xfId="2" applyFont="1" applyFill="1" applyBorder="1" applyAlignment="1" applyProtection="1">
      <alignment horizontal="left" vertical="center"/>
    </xf>
    <xf numFmtId="0" fontId="10" fillId="0" borderId="0" xfId="0" applyFont="1" applyAlignment="1">
      <alignment vertical="center" wrapText="1"/>
    </xf>
    <xf numFmtId="0" fontId="65" fillId="4" borderId="0" xfId="2" applyFont="1" applyFill="1" applyProtection="1">
      <alignment vertical="center"/>
    </xf>
    <xf numFmtId="0" fontId="85" fillId="4" borderId="0" xfId="2" applyFont="1" applyFill="1" applyProtection="1">
      <alignment vertical="center"/>
    </xf>
    <xf numFmtId="0" fontId="35" fillId="4" borderId="12" xfId="2" applyFont="1" applyFill="1" applyBorder="1" applyAlignment="1" applyProtection="1">
      <alignment horizontal="center" vertical="center"/>
    </xf>
    <xf numFmtId="0" fontId="35" fillId="4" borderId="9" xfId="2" applyFont="1" applyFill="1" applyBorder="1" applyAlignment="1" applyProtection="1">
      <alignment horizontal="center" vertical="center"/>
    </xf>
    <xf numFmtId="0" fontId="35" fillId="0" borderId="0" xfId="2" applyFont="1" applyFill="1" applyProtection="1">
      <alignment vertical="center"/>
    </xf>
    <xf numFmtId="0" fontId="51" fillId="4" borderId="0" xfId="2" applyFont="1" applyFill="1" applyProtection="1">
      <alignment vertical="center"/>
    </xf>
    <xf numFmtId="0" fontId="15" fillId="4" borderId="0" xfId="2" applyFont="1" applyFill="1" applyProtection="1">
      <alignment vertical="center"/>
    </xf>
    <xf numFmtId="0" fontId="10" fillId="0" borderId="10" xfId="0" applyFont="1" applyBorder="1" applyAlignment="1">
      <alignment horizontal="left" vertical="center" wrapText="1"/>
    </xf>
    <xf numFmtId="0" fontId="52" fillId="0" borderId="19" xfId="2" applyFont="1" applyFill="1" applyBorder="1" applyAlignment="1" applyProtection="1">
      <alignment horizontal="center" vertical="center" wrapText="1"/>
    </xf>
    <xf numFmtId="0" fontId="10" fillId="4" borderId="9" xfId="2" applyFont="1" applyFill="1" applyBorder="1" applyAlignment="1" applyProtection="1">
      <alignment horizontal="left" vertical="center" wrapText="1"/>
    </xf>
    <xf numFmtId="0" fontId="10" fillId="4" borderId="9" xfId="2" applyFont="1" applyFill="1" applyBorder="1" applyAlignment="1" applyProtection="1">
      <alignment horizontal="left" vertical="center"/>
    </xf>
    <xf numFmtId="0" fontId="35" fillId="0" borderId="28" xfId="0" applyFont="1" applyFill="1" applyBorder="1" applyAlignment="1">
      <alignment horizontal="left" vertical="center" wrapText="1"/>
    </xf>
    <xf numFmtId="0" fontId="86" fillId="4" borderId="9" xfId="2" applyFont="1" applyFill="1" applyBorder="1" applyAlignment="1" applyProtection="1">
      <alignment horizontal="left" vertical="center" wrapText="1"/>
    </xf>
    <xf numFmtId="0" fontId="35" fillId="4" borderId="0" xfId="2" applyFont="1" applyFill="1" applyBorder="1" applyAlignment="1" applyProtection="1">
      <alignment horizontal="center" vertical="center"/>
    </xf>
    <xf numFmtId="0" fontId="10" fillId="4" borderId="0" xfId="2" applyFont="1" applyFill="1" applyBorder="1" applyAlignment="1" applyProtection="1">
      <alignment horizontal="left" vertical="center" wrapText="1" indent="1"/>
    </xf>
    <xf numFmtId="0" fontId="85" fillId="0" borderId="0" xfId="2" applyFont="1" applyFill="1" applyProtection="1">
      <alignment vertical="center"/>
    </xf>
    <xf numFmtId="0" fontId="36" fillId="0" borderId="0" xfId="2" applyFont="1" applyFill="1" applyAlignment="1" applyProtection="1">
      <alignment vertical="center" wrapText="1"/>
    </xf>
    <xf numFmtId="0" fontId="34" fillId="0" borderId="0" xfId="0" applyFont="1" applyFill="1" applyAlignment="1">
      <alignment vertical="center" wrapText="1"/>
    </xf>
    <xf numFmtId="0" fontId="33" fillId="5" borderId="0" xfId="2" applyFont="1" applyFill="1">
      <alignment vertical="center"/>
    </xf>
    <xf numFmtId="0" fontId="33" fillId="5" borderId="0" xfId="2" applyFont="1" applyFill="1" applyProtection="1">
      <alignment vertical="center"/>
    </xf>
    <xf numFmtId="0" fontId="85" fillId="5" borderId="0" xfId="2" applyFont="1" applyFill="1" applyProtection="1">
      <alignment vertical="center"/>
    </xf>
    <xf numFmtId="0" fontId="89" fillId="5" borderId="0" xfId="2" applyFont="1" applyFill="1" applyProtection="1">
      <alignment vertical="center"/>
    </xf>
    <xf numFmtId="0" fontId="10" fillId="5" borderId="49" xfId="2" applyFont="1" applyFill="1" applyBorder="1" applyAlignment="1" applyProtection="1">
      <alignment horizontal="center" vertical="center"/>
    </xf>
    <xf numFmtId="0" fontId="35" fillId="5" borderId="0" xfId="2" applyFont="1" applyFill="1" applyProtection="1">
      <alignment vertical="center"/>
    </xf>
    <xf numFmtId="0" fontId="15" fillId="5" borderId="0" xfId="2" applyFont="1" applyFill="1" applyProtection="1">
      <alignment vertical="center"/>
    </xf>
    <xf numFmtId="0" fontId="10" fillId="5" borderId="10" xfId="2" applyFont="1" applyFill="1" applyBorder="1" applyAlignment="1" applyProtection="1">
      <alignment horizontal="center" vertical="center"/>
    </xf>
    <xf numFmtId="0" fontId="35" fillId="5" borderId="0" xfId="2" applyFont="1" applyFill="1">
      <alignment vertical="center"/>
    </xf>
    <xf numFmtId="0" fontId="10" fillId="5" borderId="0" xfId="2" applyFont="1" applyFill="1" applyBorder="1" applyAlignment="1" applyProtection="1">
      <alignment horizontal="center" vertical="center"/>
    </xf>
    <xf numFmtId="0" fontId="10" fillId="5" borderId="0" xfId="2" applyFont="1" applyFill="1" applyBorder="1" applyAlignment="1" applyProtection="1">
      <alignment horizontal="left" vertical="center" wrapText="1" indent="1"/>
    </xf>
    <xf numFmtId="0" fontId="35" fillId="5" borderId="0" xfId="2" applyFont="1" applyFill="1" applyBorder="1" applyAlignment="1" applyProtection="1">
      <alignment horizontal="center" vertical="center"/>
      <protection locked="0"/>
    </xf>
    <xf numFmtId="0" fontId="35" fillId="5" borderId="0" xfId="2" applyFont="1" applyFill="1" applyBorder="1" applyAlignment="1" applyProtection="1">
      <alignment horizontal="center" vertical="center"/>
    </xf>
    <xf numFmtId="0" fontId="51" fillId="5" borderId="0" xfId="2" applyFont="1" applyFill="1" applyProtection="1">
      <alignment vertical="center"/>
    </xf>
    <xf numFmtId="0" fontId="10" fillId="5" borderId="11" xfId="2" applyFont="1" applyFill="1" applyBorder="1" applyAlignment="1" applyProtection="1">
      <alignment horizontal="center" vertical="center" wrapText="1"/>
    </xf>
    <xf numFmtId="0" fontId="10" fillId="5" borderId="59" xfId="2" applyFont="1" applyFill="1" applyBorder="1" applyAlignment="1" applyProtection="1">
      <alignment horizontal="center" vertical="center"/>
    </xf>
    <xf numFmtId="0" fontId="10" fillId="5" borderId="12" xfId="2" applyFont="1" applyFill="1" applyBorder="1" applyAlignment="1" applyProtection="1">
      <alignment horizontal="center" vertical="center"/>
      <protection locked="0"/>
    </xf>
    <xf numFmtId="0" fontId="10" fillId="5" borderId="9" xfId="2" applyFont="1" applyFill="1" applyBorder="1" applyAlignment="1" applyProtection="1">
      <alignment horizontal="center" vertical="center"/>
      <protection locked="0"/>
    </xf>
    <xf numFmtId="0" fontId="10" fillId="5" borderId="0" xfId="2" applyFont="1" applyFill="1" applyAlignment="1" applyProtection="1">
      <alignment horizontal="left" vertical="center" indent="1"/>
    </xf>
    <xf numFmtId="0" fontId="10" fillId="5" borderId="0" xfId="2" applyFont="1" applyFill="1" applyAlignment="1" applyProtection="1">
      <alignment vertical="center"/>
    </xf>
    <xf numFmtId="0" fontId="52" fillId="5" borderId="0" xfId="2" applyFont="1" applyFill="1">
      <alignment vertical="center"/>
    </xf>
    <xf numFmtId="0" fontId="15" fillId="5" borderId="0" xfId="2" applyFont="1" applyFill="1">
      <alignment vertical="center"/>
    </xf>
    <xf numFmtId="0" fontId="10" fillId="4" borderId="0" xfId="2" applyFont="1" applyFill="1">
      <alignment vertical="center"/>
    </xf>
    <xf numFmtId="0" fontId="35" fillId="0" borderId="0" xfId="2" applyFont="1" applyFill="1">
      <alignment vertical="center"/>
    </xf>
    <xf numFmtId="0" fontId="15" fillId="0" borderId="0" xfId="2" applyFont="1" applyFill="1">
      <alignment vertical="center"/>
    </xf>
    <xf numFmtId="0" fontId="10" fillId="0" borderId="0" xfId="2" applyFont="1" applyFill="1">
      <alignment vertical="center"/>
    </xf>
    <xf numFmtId="0" fontId="15" fillId="4" borderId="0" xfId="2" applyFont="1" applyFill="1" applyAlignment="1">
      <alignment horizontal="left" vertical="center"/>
    </xf>
    <xf numFmtId="0" fontId="10" fillId="4" borderId="0" xfId="0" applyFont="1" applyFill="1" applyAlignment="1">
      <alignment horizontal="right"/>
    </xf>
    <xf numFmtId="0" fontId="52" fillId="4" borderId="0" xfId="2" applyFont="1" applyFill="1">
      <alignment vertical="center"/>
    </xf>
    <xf numFmtId="0" fontId="15" fillId="0" borderId="0" xfId="0" applyFont="1" applyBorder="1">
      <alignment vertical="center"/>
    </xf>
    <xf numFmtId="0" fontId="34" fillId="0" borderId="0" xfId="0" applyFont="1" applyAlignment="1">
      <alignment vertical="center" wrapText="1"/>
    </xf>
    <xf numFmtId="0" fontId="15" fillId="0" borderId="62" xfId="0" applyFont="1" applyBorder="1" applyAlignment="1">
      <alignment horizontal="center" vertical="center"/>
    </xf>
    <xf numFmtId="0" fontId="35" fillId="0" borderId="48" xfId="0" applyFont="1" applyBorder="1" applyAlignment="1">
      <alignment horizontal="left" vertical="center"/>
    </xf>
    <xf numFmtId="0" fontId="10" fillId="0" borderId="64" xfId="0" applyFont="1" applyBorder="1" applyAlignment="1">
      <alignment horizontal="left" vertical="center" wrapText="1"/>
    </xf>
    <xf numFmtId="0" fontId="10" fillId="0" borderId="48" xfId="0" applyFont="1" applyBorder="1" applyAlignment="1">
      <alignment horizontal="left" vertical="center" wrapText="1"/>
    </xf>
    <xf numFmtId="0" fontId="60" fillId="0" borderId="0" xfId="0" applyFont="1" applyBorder="1" applyAlignment="1">
      <alignment horizontal="left" vertical="center" wrapText="1"/>
    </xf>
    <xf numFmtId="0" fontId="60" fillId="0" borderId="0" xfId="0" applyFont="1" applyBorder="1" applyAlignment="1">
      <alignment horizontal="left" vertical="center"/>
    </xf>
    <xf numFmtId="0" fontId="10" fillId="0" borderId="47" xfId="0" applyFont="1" applyBorder="1" applyAlignment="1">
      <alignment horizontal="left" vertical="center" wrapText="1"/>
    </xf>
    <xf numFmtId="14" fontId="35" fillId="0" borderId="48" xfId="0" applyNumberFormat="1" applyFont="1" applyBorder="1" applyAlignment="1">
      <alignment horizontal="left" vertical="center"/>
    </xf>
    <xf numFmtId="0" fontId="15" fillId="0" borderId="66" xfId="0" applyFont="1" applyBorder="1" applyAlignment="1">
      <alignment horizontal="center" vertical="center"/>
    </xf>
    <xf numFmtId="0" fontId="10" fillId="0" borderId="65" xfId="0" applyFont="1" applyBorder="1" applyAlignment="1">
      <alignment horizontal="left" vertical="center" wrapText="1"/>
    </xf>
    <xf numFmtId="0" fontId="35" fillId="0" borderId="65" xfId="0" applyFont="1" applyBorder="1" applyAlignment="1">
      <alignment horizontal="left" vertical="center"/>
    </xf>
    <xf numFmtId="0" fontId="60" fillId="0" borderId="44" xfId="0" applyFont="1" applyBorder="1" applyAlignment="1">
      <alignment horizontal="left" vertical="center" wrapText="1"/>
    </xf>
    <xf numFmtId="14" fontId="60" fillId="0" borderId="0" xfId="0" applyNumberFormat="1" applyFont="1" applyBorder="1" applyAlignment="1">
      <alignment horizontal="left" vertical="center"/>
    </xf>
    <xf numFmtId="14" fontId="35" fillId="7" borderId="48" xfId="0" applyNumberFormat="1" applyFont="1" applyFill="1" applyBorder="1" applyAlignment="1">
      <alignment horizontal="left" vertical="center"/>
    </xf>
    <xf numFmtId="0" fontId="35" fillId="7" borderId="48" xfId="0" applyFont="1" applyFill="1" applyBorder="1" applyAlignment="1">
      <alignment horizontal="left" vertical="center"/>
    </xf>
    <xf numFmtId="14" fontId="35" fillId="0" borderId="65" xfId="0" applyNumberFormat="1" applyFont="1" applyBorder="1" applyAlignment="1">
      <alignment horizontal="left" vertical="center"/>
    </xf>
    <xf numFmtId="0" fontId="13" fillId="4" borderId="0" xfId="2" applyFont="1" applyFill="1">
      <alignment vertical="center"/>
    </xf>
    <xf numFmtId="0" fontId="42" fillId="0" borderId="0" xfId="0" applyFont="1" applyBorder="1">
      <alignment vertical="center"/>
    </xf>
    <xf numFmtId="0" fontId="38" fillId="0" borderId="0" xfId="0" applyFont="1" applyBorder="1" applyAlignment="1">
      <alignment vertical="center"/>
    </xf>
    <xf numFmtId="0" fontId="91" fillId="0" borderId="0" xfId="0" applyFont="1" applyBorder="1" applyAlignment="1">
      <alignment horizontal="center" vertical="center"/>
    </xf>
    <xf numFmtId="0" fontId="92" fillId="0" borderId="0" xfId="0" applyFont="1" applyBorder="1">
      <alignment vertical="center"/>
    </xf>
    <xf numFmtId="0" fontId="92" fillId="0" borderId="0" xfId="0" applyFont="1" applyBorder="1" applyAlignment="1">
      <alignment horizontal="center" vertical="center"/>
    </xf>
    <xf numFmtId="177" fontId="92" fillId="0" borderId="0" xfId="0" applyNumberFormat="1" applyFont="1" applyFill="1" applyBorder="1" applyAlignment="1">
      <alignment horizontal="center" vertical="center"/>
    </xf>
    <xf numFmtId="0" fontId="92" fillId="0" borderId="0" xfId="0" applyFont="1" applyBorder="1" applyAlignment="1">
      <alignment vertical="center" wrapText="1"/>
    </xf>
    <xf numFmtId="0" fontId="67" fillId="0" borderId="0" xfId="0" applyFont="1" applyBorder="1">
      <alignment vertical="center"/>
    </xf>
    <xf numFmtId="0" fontId="93" fillId="0" borderId="0" xfId="0" applyFont="1" applyBorder="1">
      <alignment vertical="center"/>
    </xf>
    <xf numFmtId="177" fontId="35" fillId="0" borderId="13" xfId="0" applyNumberFormat="1" applyFont="1" applyFill="1" applyBorder="1" applyAlignment="1">
      <alignment horizontal="center" vertical="center"/>
    </xf>
    <xf numFmtId="0" fontId="35" fillId="0" borderId="13" xfId="0" applyFont="1" applyBorder="1" applyAlignment="1">
      <alignment vertical="center" wrapText="1"/>
    </xf>
    <xf numFmtId="0" fontId="91" fillId="0" borderId="0" xfId="0" applyFont="1" applyBorder="1">
      <alignment vertical="center"/>
    </xf>
    <xf numFmtId="0" fontId="35" fillId="0" borderId="18" xfId="0" applyFont="1" applyBorder="1">
      <alignment vertical="center"/>
    </xf>
    <xf numFmtId="0" fontId="40" fillId="2" borderId="10" xfId="0" applyFont="1" applyFill="1" applyBorder="1" applyAlignment="1">
      <alignment horizontal="center" vertical="center"/>
    </xf>
    <xf numFmtId="177" fontId="35" fillId="0" borderId="9" xfId="0" applyNumberFormat="1" applyFont="1" applyFill="1" applyBorder="1" applyAlignment="1">
      <alignment horizontal="center" vertical="center"/>
    </xf>
    <xf numFmtId="0" fontId="35" fillId="0" borderId="0" xfId="0" applyFont="1" applyBorder="1" applyAlignment="1">
      <alignment horizontal="center" vertical="center" wrapText="1"/>
    </xf>
    <xf numFmtId="0" fontId="35" fillId="0" borderId="14" xfId="0" applyFont="1" applyFill="1" applyBorder="1" applyAlignment="1" applyProtection="1">
      <alignment horizontal="center" vertical="center"/>
      <protection locked="0"/>
    </xf>
    <xf numFmtId="0" fontId="35" fillId="0" borderId="9" xfId="0" applyFont="1" applyBorder="1" applyAlignment="1">
      <alignment horizontal="center" vertical="center" wrapText="1"/>
    </xf>
    <xf numFmtId="0" fontId="35" fillId="0" borderId="9" xfId="0" applyFont="1" applyBorder="1" applyAlignment="1">
      <alignment vertical="center" wrapText="1"/>
    </xf>
    <xf numFmtId="0" fontId="15" fillId="0" borderId="8" xfId="0" applyFont="1" applyBorder="1" applyAlignment="1">
      <alignment horizontal="left" vertical="center"/>
    </xf>
    <xf numFmtId="0" fontId="35" fillId="0" borderId="8" xfId="0" applyFont="1" applyBorder="1" applyAlignment="1">
      <alignment horizontal="left" vertical="center"/>
    </xf>
    <xf numFmtId="0" fontId="35" fillId="0" borderId="14" xfId="0" applyFont="1" applyBorder="1">
      <alignment vertical="center"/>
    </xf>
    <xf numFmtId="0" fontId="35" fillId="0" borderId="1" xfId="0" applyFont="1" applyBorder="1" applyAlignment="1">
      <alignment vertical="center" wrapText="1"/>
    </xf>
    <xf numFmtId="0" fontId="35" fillId="0" borderId="10" xfId="0" applyFont="1" applyBorder="1" applyAlignment="1">
      <alignment vertical="center" shrinkToFit="1"/>
    </xf>
    <xf numFmtId="0" fontId="35" fillId="0" borderId="7" xfId="0" applyFont="1" applyBorder="1" applyAlignment="1">
      <alignment horizontal="left" vertical="center"/>
    </xf>
    <xf numFmtId="0" fontId="35" fillId="0" borderId="7" xfId="0" applyFont="1" applyBorder="1" applyAlignment="1">
      <alignment vertical="center" wrapText="1"/>
    </xf>
    <xf numFmtId="0" fontId="35" fillId="0" borderId="2" xfId="0" applyFont="1" applyFill="1" applyBorder="1" applyAlignment="1" applyProtection="1">
      <alignment horizontal="center" vertical="center"/>
      <protection locked="0"/>
    </xf>
    <xf numFmtId="177" fontId="35" fillId="0" borderId="19" xfId="0" applyNumberFormat="1" applyFont="1" applyFill="1" applyBorder="1" applyAlignment="1">
      <alignment horizontal="center" vertical="center"/>
    </xf>
    <xf numFmtId="0" fontId="35" fillId="0" borderId="19" xfId="0" applyFont="1" applyFill="1" applyBorder="1" applyAlignment="1" applyProtection="1">
      <alignment horizontal="center" vertical="center"/>
    </xf>
    <xf numFmtId="0" fontId="40" fillId="2" borderId="9" xfId="0" applyFont="1" applyFill="1" applyBorder="1" applyAlignment="1">
      <alignment horizontal="center" vertical="center" wrapText="1"/>
    </xf>
    <xf numFmtId="0" fontId="35" fillId="0" borderId="9" xfId="0" applyFont="1" applyBorder="1" applyAlignment="1">
      <alignment horizontal="left" vertical="center" wrapText="1"/>
    </xf>
    <xf numFmtId="0" fontId="35" fillId="0" borderId="19" xfId="0" applyFont="1" applyFill="1" applyBorder="1" applyAlignment="1" applyProtection="1">
      <alignment horizontal="center" vertical="center"/>
      <protection locked="0"/>
    </xf>
    <xf numFmtId="0" fontId="35" fillId="0" borderId="7" xfId="0" applyFont="1" applyBorder="1" applyAlignment="1">
      <alignment horizontal="left" vertical="center" wrapText="1"/>
    </xf>
    <xf numFmtId="0" fontId="35" fillId="0" borderId="0" xfId="0" applyFont="1" applyBorder="1" applyAlignment="1">
      <alignment horizontal="right" vertical="center" wrapText="1"/>
    </xf>
    <xf numFmtId="0" fontId="35" fillId="0" borderId="19" xfId="0" applyFont="1" applyFill="1" applyBorder="1" applyAlignment="1" applyProtection="1">
      <alignment horizontal="center" vertical="center" wrapText="1"/>
      <protection locked="0"/>
    </xf>
    <xf numFmtId="0" fontId="95" fillId="0" borderId="0" xfId="0" applyFont="1" applyBorder="1">
      <alignment vertical="center"/>
    </xf>
    <xf numFmtId="0" fontId="60" fillId="0" borderId="0" xfId="0" applyFont="1" applyBorder="1">
      <alignment vertical="center"/>
    </xf>
    <xf numFmtId="0" fontId="60" fillId="0" borderId="9" xfId="0" applyFont="1" applyFill="1" applyBorder="1" applyAlignment="1" applyProtection="1">
      <alignment horizontal="center" vertical="center"/>
      <protection locked="0"/>
    </xf>
    <xf numFmtId="0" fontId="15" fillId="0" borderId="0" xfId="0" applyFont="1" applyBorder="1" applyAlignment="1">
      <alignment horizontal="left" vertical="center"/>
    </xf>
    <xf numFmtId="0" fontId="60" fillId="0" borderId="2" xfId="0" applyFont="1" applyFill="1" applyBorder="1" applyAlignment="1" applyProtection="1">
      <alignment horizontal="center" vertical="center"/>
      <protection locked="0"/>
    </xf>
    <xf numFmtId="0" fontId="35" fillId="0" borderId="5" xfId="0" applyFont="1" applyBorder="1">
      <alignment vertical="center"/>
    </xf>
    <xf numFmtId="0" fontId="35" fillId="0" borderId="5" xfId="0" applyFont="1" applyBorder="1" applyAlignment="1">
      <alignment horizontal="center" vertical="center"/>
    </xf>
    <xf numFmtId="177" fontId="35" fillId="0" borderId="5" xfId="0" applyNumberFormat="1" applyFont="1" applyFill="1" applyBorder="1" applyAlignment="1">
      <alignment horizontal="center" vertical="center"/>
    </xf>
    <xf numFmtId="0" fontId="35" fillId="0" borderId="5" xfId="0" applyFont="1" applyBorder="1" applyAlignment="1">
      <alignment vertical="center" wrapText="1"/>
    </xf>
    <xf numFmtId="0" fontId="60" fillId="0" borderId="4" xfId="0" applyFont="1" applyFill="1" applyBorder="1" applyAlignment="1" applyProtection="1">
      <alignment horizontal="center" vertical="center"/>
      <protection locked="0"/>
    </xf>
    <xf numFmtId="0" fontId="33" fillId="0" borderId="0" xfId="0" applyFont="1" applyBorder="1" applyAlignment="1">
      <alignment vertical="center"/>
    </xf>
    <xf numFmtId="0" fontId="60" fillId="0" borderId="1" xfId="0" applyFont="1" applyBorder="1" applyAlignment="1">
      <alignment horizontal="center" vertical="center"/>
    </xf>
    <xf numFmtId="0" fontId="96" fillId="0" borderId="0" xfId="0" applyFont="1" applyBorder="1" applyAlignment="1">
      <alignment horizontal="center" vertical="center"/>
    </xf>
    <xf numFmtId="0" fontId="60" fillId="0" borderId="0" xfId="0" applyFont="1" applyBorder="1" applyAlignment="1">
      <alignment horizontal="center" vertical="center" wrapText="1"/>
    </xf>
    <xf numFmtId="0" fontId="47" fillId="4" borderId="9" xfId="2" applyFont="1" applyFill="1" applyBorder="1" applyAlignment="1" applyProtection="1">
      <alignment horizontal="left" vertical="center" wrapText="1"/>
    </xf>
    <xf numFmtId="0" fontId="11" fillId="0" borderId="8" xfId="0" applyFont="1" applyBorder="1">
      <alignment vertical="center"/>
    </xf>
    <xf numFmtId="0" fontId="35" fillId="0" borderId="8" xfId="0" applyFont="1" applyBorder="1" applyAlignment="1">
      <alignment horizontal="center" vertical="center" wrapText="1"/>
    </xf>
    <xf numFmtId="0" fontId="35" fillId="0" borderId="0" xfId="0" applyFont="1" applyBorder="1" applyAlignment="1">
      <alignment vertical="center"/>
    </xf>
    <xf numFmtId="0" fontId="10" fillId="0" borderId="8" xfId="0" applyFont="1" applyFill="1" applyBorder="1">
      <alignment vertical="center"/>
    </xf>
    <xf numFmtId="0" fontId="34" fillId="0" borderId="6" xfId="0" applyFont="1" applyBorder="1">
      <alignment vertical="center"/>
    </xf>
    <xf numFmtId="0" fontId="10" fillId="0" borderId="10" xfId="0" applyFont="1" applyBorder="1" applyAlignment="1">
      <alignment vertical="center" wrapText="1"/>
    </xf>
    <xf numFmtId="0" fontId="10" fillId="0" borderId="14" xfId="0" applyFont="1" applyFill="1" applyBorder="1">
      <alignment vertical="center"/>
    </xf>
    <xf numFmtId="0" fontId="10" fillId="0" borderId="0" xfId="0" applyFont="1" applyFill="1" applyBorder="1">
      <alignment vertical="center"/>
    </xf>
    <xf numFmtId="0" fontId="10" fillId="0" borderId="2" xfId="0" applyFont="1" applyFill="1" applyBorder="1">
      <alignment vertical="center"/>
    </xf>
    <xf numFmtId="0" fontId="10" fillId="0" borderId="11" xfId="0" applyFont="1" applyFill="1" applyBorder="1" applyAlignment="1">
      <alignment horizontal="center" vertical="center"/>
    </xf>
    <xf numFmtId="0" fontId="10" fillId="0" borderId="11" xfId="0" applyFont="1" applyFill="1" applyBorder="1" applyAlignment="1">
      <alignment vertical="center" wrapText="1"/>
    </xf>
    <xf numFmtId="0" fontId="10" fillId="0" borderId="11" xfId="0" applyFont="1" applyFill="1" applyBorder="1">
      <alignment vertical="center"/>
    </xf>
    <xf numFmtId="0" fontId="10" fillId="0" borderId="67" xfId="0" applyFont="1" applyFill="1" applyBorder="1" applyAlignment="1">
      <alignment horizontal="center" vertical="center"/>
    </xf>
    <xf numFmtId="0" fontId="10" fillId="0" borderId="67" xfId="0" applyFont="1" applyFill="1" applyBorder="1" applyAlignment="1">
      <alignment vertical="center" wrapText="1"/>
    </xf>
    <xf numFmtId="0" fontId="10" fillId="0" borderId="67" xfId="0" applyFont="1" applyFill="1" applyBorder="1">
      <alignment vertical="center"/>
    </xf>
    <xf numFmtId="0" fontId="10" fillId="0" borderId="67" xfId="0" applyFont="1" applyBorder="1" applyAlignment="1">
      <alignment vertical="center" wrapText="1"/>
    </xf>
    <xf numFmtId="0" fontId="10" fillId="0" borderId="67" xfId="0" applyFont="1" applyBorder="1">
      <alignment vertical="center"/>
    </xf>
    <xf numFmtId="0" fontId="10" fillId="0" borderId="10" xfId="0" applyFont="1" applyFill="1" applyBorder="1" applyAlignment="1">
      <alignment horizontal="center" vertical="center"/>
    </xf>
    <xf numFmtId="0" fontId="10" fillId="0" borderId="68" xfId="0" applyFont="1" applyBorder="1">
      <alignment vertical="center"/>
    </xf>
    <xf numFmtId="0" fontId="10" fillId="0" borderId="2" xfId="0" applyFont="1" applyBorder="1">
      <alignment vertical="center"/>
    </xf>
    <xf numFmtId="0" fontId="10" fillId="0" borderId="69" xfId="0" applyFont="1" applyBorder="1" applyAlignment="1">
      <alignment horizontal="center" vertical="center"/>
    </xf>
    <xf numFmtId="0" fontId="10" fillId="0" borderId="69" xfId="0" applyFont="1" applyBorder="1">
      <alignment vertical="center"/>
    </xf>
    <xf numFmtId="0" fontId="10" fillId="0" borderId="67" xfId="0" applyFont="1" applyBorder="1" applyAlignment="1">
      <alignment horizontal="center" vertical="center"/>
    </xf>
    <xf numFmtId="0" fontId="35" fillId="0" borderId="67" xfId="0" applyFont="1" applyBorder="1">
      <alignment vertical="center"/>
    </xf>
    <xf numFmtId="0" fontId="10" fillId="0" borderId="70" xfId="0" applyFont="1" applyBorder="1" applyAlignment="1">
      <alignment horizontal="center" vertical="center"/>
    </xf>
    <xf numFmtId="0" fontId="47" fillId="0" borderId="70" xfId="0" applyFont="1" applyBorder="1">
      <alignment vertical="center"/>
    </xf>
    <xf numFmtId="0" fontId="34" fillId="0" borderId="69" xfId="0" applyFont="1" applyBorder="1">
      <alignment vertical="center"/>
    </xf>
    <xf numFmtId="0" fontId="34" fillId="0" borderId="67" xfId="0" applyFont="1" applyBorder="1">
      <alignment vertical="center"/>
    </xf>
    <xf numFmtId="0" fontId="34" fillId="0" borderId="70" xfId="0" applyFont="1" applyBorder="1">
      <alignment vertical="center"/>
    </xf>
    <xf numFmtId="0" fontId="10" fillId="0" borderId="70" xfId="0" applyFont="1" applyBorder="1">
      <alignment vertical="center"/>
    </xf>
    <xf numFmtId="0" fontId="10" fillId="0" borderId="3" xfId="0" applyFont="1" applyBorder="1">
      <alignment vertical="center"/>
    </xf>
    <xf numFmtId="0" fontId="10" fillId="0" borderId="24" xfId="0" applyFont="1" applyBorder="1" applyAlignment="1">
      <alignment horizontal="center" vertical="center"/>
    </xf>
    <xf numFmtId="0" fontId="10" fillId="0" borderId="68" xfId="0" applyFont="1" applyBorder="1" applyAlignment="1">
      <alignment horizontal="center" vertical="center"/>
    </xf>
    <xf numFmtId="0" fontId="47" fillId="0" borderId="68" xfId="0" applyFont="1" applyBorder="1">
      <alignment vertical="center"/>
    </xf>
    <xf numFmtId="0" fontId="34" fillId="0" borderId="0" xfId="0" applyFont="1" applyBorder="1" applyAlignment="1">
      <alignment vertical="center" wrapText="1"/>
    </xf>
    <xf numFmtId="0" fontId="34" fillId="0" borderId="0" xfId="0" applyFont="1" applyBorder="1" applyAlignment="1">
      <alignment horizontal="center" vertical="center" wrapText="1"/>
    </xf>
    <xf numFmtId="0" fontId="10" fillId="0" borderId="0" xfId="0" applyFont="1" applyBorder="1" applyAlignment="1">
      <alignment horizontal="center" vertical="center" wrapText="1"/>
    </xf>
    <xf numFmtId="0" fontId="10" fillId="3" borderId="11" xfId="0" applyFont="1" applyFill="1" applyBorder="1" applyAlignment="1">
      <alignment horizontal="center" vertical="center" wrapText="1"/>
    </xf>
    <xf numFmtId="0" fontId="10" fillId="3" borderId="26" xfId="0" applyFont="1" applyFill="1" applyBorder="1" applyAlignment="1">
      <alignment horizontal="center" vertical="center" wrapText="1"/>
    </xf>
    <xf numFmtId="0" fontId="10" fillId="3" borderId="19" xfId="0" applyFont="1" applyFill="1" applyBorder="1" applyAlignment="1">
      <alignment horizontal="center" vertical="center" wrapText="1"/>
    </xf>
    <xf numFmtId="0" fontId="10" fillId="3" borderId="71" xfId="0" applyFont="1" applyFill="1" applyBorder="1" applyAlignment="1">
      <alignment horizontal="center" vertical="center"/>
    </xf>
    <xf numFmtId="0" fontId="10" fillId="3" borderId="72" xfId="0" applyFont="1" applyFill="1" applyBorder="1" applyAlignment="1">
      <alignment horizontal="center" vertical="center" wrapText="1"/>
    </xf>
    <xf numFmtId="0" fontId="10" fillId="3" borderId="71" xfId="0" applyFont="1" applyFill="1" applyBorder="1" applyAlignment="1">
      <alignment horizontal="center" vertical="center" wrapText="1"/>
    </xf>
    <xf numFmtId="0" fontId="34" fillId="0" borderId="1" xfId="0" applyFont="1" applyBorder="1">
      <alignment vertical="center"/>
    </xf>
    <xf numFmtId="0" fontId="34" fillId="0" borderId="21" xfId="0" applyFont="1" applyBorder="1" applyAlignment="1">
      <alignment horizontal="center" vertical="center" wrapText="1"/>
    </xf>
    <xf numFmtId="0" fontId="10" fillId="0" borderId="21" xfId="0" applyFont="1" applyBorder="1" applyAlignment="1">
      <alignment vertical="center" wrapText="1"/>
    </xf>
    <xf numFmtId="0" fontId="10" fillId="0" borderId="29" xfId="0" applyFont="1" applyBorder="1" applyAlignment="1">
      <alignment vertical="center" wrapText="1"/>
    </xf>
    <xf numFmtId="0" fontId="34" fillId="0" borderId="12" xfId="0" applyFont="1" applyBorder="1">
      <alignment vertical="center"/>
    </xf>
    <xf numFmtId="0" fontId="34" fillId="0" borderId="12" xfId="12" applyFont="1" applyBorder="1" applyAlignment="1">
      <alignment horizontal="center" vertical="center"/>
    </xf>
    <xf numFmtId="0" fontId="10" fillId="0" borderId="27" xfId="0" applyFont="1" applyFill="1" applyBorder="1" applyAlignment="1">
      <alignment horizontal="center" vertical="center" wrapText="1"/>
    </xf>
    <xf numFmtId="0" fontId="34" fillId="0" borderId="22" xfId="1" applyFont="1" applyFill="1" applyBorder="1" applyAlignment="1">
      <alignment horizontal="center" vertical="center" wrapText="1"/>
    </xf>
    <xf numFmtId="0" fontId="10" fillId="0" borderId="28" xfId="1" applyFont="1" applyFill="1" applyBorder="1" applyAlignment="1">
      <alignment horizontal="center" vertical="center" wrapText="1"/>
    </xf>
    <xf numFmtId="0" fontId="10" fillId="0" borderId="28" xfId="1" applyFont="1" applyFill="1" applyBorder="1" applyAlignment="1">
      <alignment vertical="center" wrapText="1"/>
    </xf>
    <xf numFmtId="0" fontId="34" fillId="0" borderId="24" xfId="0" applyFont="1" applyFill="1" applyBorder="1" applyAlignment="1">
      <alignment horizontal="center" vertical="center" wrapText="1"/>
    </xf>
    <xf numFmtId="0" fontId="10" fillId="0" borderId="24" xfId="0" applyFont="1" applyFill="1" applyBorder="1" applyAlignment="1">
      <alignment horizontal="center" vertical="center" wrapText="1"/>
    </xf>
    <xf numFmtId="0" fontId="10" fillId="0" borderId="24" xfId="0" applyFont="1" applyFill="1" applyBorder="1" applyAlignment="1">
      <alignment vertical="center" wrapText="1"/>
    </xf>
    <xf numFmtId="0" fontId="34" fillId="0" borderId="5" xfId="0" applyFont="1" applyFill="1" applyBorder="1" applyAlignment="1">
      <alignment horizontal="center" vertical="center" wrapText="1"/>
    </xf>
    <xf numFmtId="0" fontId="97" fillId="0" borderId="10" xfId="0" applyFont="1" applyFill="1" applyBorder="1" applyAlignment="1">
      <alignment vertical="center" wrapText="1"/>
    </xf>
    <xf numFmtId="0" fontId="34" fillId="0" borderId="23" xfId="0" applyFont="1" applyFill="1" applyBorder="1" applyAlignment="1">
      <alignment horizontal="center" vertical="center" wrapText="1"/>
    </xf>
    <xf numFmtId="0" fontId="34" fillId="0" borderId="22" xfId="0" applyFont="1" applyFill="1" applyBorder="1" applyAlignment="1">
      <alignment horizontal="center" vertical="center" wrapText="1"/>
    </xf>
    <xf numFmtId="0" fontId="10" fillId="0" borderId="28" xfId="0" applyFont="1" applyFill="1" applyBorder="1" applyAlignment="1">
      <alignment horizontal="center" vertical="center" wrapText="1"/>
    </xf>
    <xf numFmtId="0" fontId="10" fillId="0" borderId="12" xfId="0" applyFont="1" applyBorder="1">
      <alignment vertical="center"/>
    </xf>
    <xf numFmtId="0" fontId="34" fillId="0" borderId="5" xfId="0" applyFont="1" applyFill="1" applyBorder="1" applyAlignment="1">
      <alignment vertical="center" wrapText="1"/>
    </xf>
    <xf numFmtId="0" fontId="34" fillId="0" borderId="4" xfId="0" applyFont="1" applyFill="1" applyBorder="1" applyAlignment="1">
      <alignment vertical="center" wrapText="1"/>
    </xf>
    <xf numFmtId="0" fontId="34" fillId="0" borderId="23" xfId="0" applyFont="1" applyFill="1" applyBorder="1" applyAlignment="1">
      <alignment vertical="center" wrapText="1"/>
    </xf>
    <xf numFmtId="0" fontId="34" fillId="0" borderId="27" xfId="0" applyFont="1" applyFill="1" applyBorder="1" applyAlignment="1">
      <alignment horizontal="center" vertical="center" wrapText="1"/>
    </xf>
    <xf numFmtId="0" fontId="34" fillId="0" borderId="27" xfId="0" applyFont="1" applyFill="1" applyBorder="1" applyAlignment="1">
      <alignment vertical="center" wrapText="1"/>
    </xf>
    <xf numFmtId="0" fontId="34" fillId="0" borderId="22" xfId="0" applyFont="1" applyFill="1" applyBorder="1" applyAlignment="1">
      <alignment vertical="center" wrapText="1"/>
    </xf>
    <xf numFmtId="0" fontId="34" fillId="0" borderId="28" xfId="0" applyFont="1" applyFill="1" applyBorder="1" applyAlignment="1">
      <alignment horizontal="center" vertical="center" wrapText="1"/>
    </xf>
    <xf numFmtId="0" fontId="34" fillId="0" borderId="28" xfId="0" applyFont="1" applyFill="1" applyBorder="1" applyAlignment="1">
      <alignment vertical="center" wrapText="1"/>
    </xf>
    <xf numFmtId="0" fontId="34" fillId="0" borderId="22" xfId="0" applyFont="1" applyBorder="1" applyAlignment="1">
      <alignment vertical="center" wrapText="1"/>
    </xf>
    <xf numFmtId="0" fontId="34" fillId="0" borderId="28" xfId="0" applyFont="1" applyBorder="1" applyAlignment="1">
      <alignment horizontal="center" vertical="center" wrapText="1"/>
    </xf>
    <xf numFmtId="0" fontId="34" fillId="0" borderId="28" xfId="0" applyFont="1" applyBorder="1" applyAlignment="1">
      <alignment vertical="center" wrapText="1"/>
    </xf>
    <xf numFmtId="0" fontId="10" fillId="0" borderId="22" xfId="0" applyFont="1" applyBorder="1" applyAlignment="1">
      <alignment vertical="center" wrapText="1"/>
    </xf>
    <xf numFmtId="0" fontId="10" fillId="0" borderId="28" xfId="0" applyFont="1" applyBorder="1" applyAlignment="1">
      <alignment horizontal="center" vertical="center" wrapText="1"/>
    </xf>
    <xf numFmtId="0" fontId="10" fillId="0" borderId="28" xfId="0" applyFont="1" applyBorder="1" applyAlignment="1">
      <alignment vertical="center" wrapText="1"/>
    </xf>
    <xf numFmtId="0" fontId="10" fillId="0" borderId="10" xfId="0" applyFont="1" applyBorder="1">
      <alignment vertical="center"/>
    </xf>
    <xf numFmtId="0" fontId="97" fillId="0" borderId="28" xfId="0" applyFont="1" applyFill="1" applyBorder="1" applyAlignment="1">
      <alignment vertical="center" wrapText="1"/>
    </xf>
    <xf numFmtId="0" fontId="97" fillId="0" borderId="28" xfId="0" applyFont="1" applyBorder="1" applyAlignment="1">
      <alignment vertical="center" wrapText="1"/>
    </xf>
    <xf numFmtId="0" fontId="34" fillId="0" borderId="10" xfId="0" applyFont="1" applyBorder="1">
      <alignment vertical="center"/>
    </xf>
    <xf numFmtId="0" fontId="34" fillId="0" borderId="4" xfId="0" applyFont="1" applyFill="1" applyBorder="1" applyAlignment="1">
      <alignment horizontal="center" vertical="center" wrapText="1"/>
    </xf>
    <xf numFmtId="0" fontId="34" fillId="0" borderId="9" xfId="0" applyFont="1" applyFill="1" applyBorder="1" applyAlignment="1">
      <alignment horizontal="center" vertical="center" wrapText="1"/>
    </xf>
    <xf numFmtId="0" fontId="34" fillId="0" borderId="9" xfId="0" applyFont="1" applyFill="1" applyBorder="1" applyAlignment="1">
      <alignment vertical="center" wrapText="1"/>
    </xf>
    <xf numFmtId="0" fontId="34" fillId="0" borderId="26" xfId="0" applyFont="1" applyBorder="1">
      <alignment vertical="center"/>
    </xf>
    <xf numFmtId="0" fontId="34" fillId="0" borderId="7" xfId="0" applyFont="1" applyFill="1" applyBorder="1" applyAlignment="1">
      <alignment horizontal="center" vertical="center"/>
    </xf>
    <xf numFmtId="0" fontId="34" fillId="0" borderId="7" xfId="0" applyFont="1" applyFill="1" applyBorder="1">
      <alignment vertical="center"/>
    </xf>
    <xf numFmtId="0" fontId="34" fillId="0" borderId="19" xfId="0" applyFont="1" applyFill="1" applyBorder="1">
      <alignment vertical="center"/>
    </xf>
    <xf numFmtId="0" fontId="34" fillId="0" borderId="6" xfId="0" applyFont="1" applyFill="1" applyBorder="1" applyAlignment="1">
      <alignment horizontal="left" vertical="center"/>
    </xf>
    <xf numFmtId="0" fontId="34" fillId="0" borderId="8" xfId="0" applyFont="1" applyBorder="1">
      <alignment vertical="center"/>
    </xf>
    <xf numFmtId="0" fontId="34" fillId="0" borderId="1" xfId="0" applyFont="1" applyFill="1" applyBorder="1" applyAlignment="1">
      <alignment horizontal="left" vertical="center"/>
    </xf>
    <xf numFmtId="0" fontId="34" fillId="0" borderId="5" xfId="0" applyFont="1" applyBorder="1">
      <alignment vertical="center"/>
    </xf>
    <xf numFmtId="0" fontId="10" fillId="0" borderId="4" xfId="0" applyFont="1" applyFill="1" applyBorder="1">
      <alignment vertical="center"/>
    </xf>
    <xf numFmtId="0" fontId="34" fillId="0" borderId="9" xfId="0" applyFont="1" applyBorder="1" applyAlignment="1">
      <alignment horizontal="left" vertical="center"/>
    </xf>
    <xf numFmtId="0" fontId="34" fillId="0" borderId="14" xfId="0" applyFont="1" applyBorder="1">
      <alignment vertical="center"/>
    </xf>
    <xf numFmtId="0" fontId="34" fillId="0" borderId="11" xfId="0" applyFont="1" applyBorder="1" applyAlignment="1">
      <alignment horizontal="center" vertical="center"/>
    </xf>
    <xf numFmtId="0" fontId="10" fillId="0" borderId="27" xfId="0" applyFont="1" applyBorder="1" applyAlignment="1">
      <alignment vertical="center" wrapText="1"/>
    </xf>
    <xf numFmtId="0" fontId="10" fillId="0" borderId="27" xfId="0" applyFont="1" applyBorder="1" applyAlignment="1">
      <alignment horizontal="center" vertical="center" wrapText="1"/>
    </xf>
    <xf numFmtId="0" fontId="47" fillId="0" borderId="27" xfId="0" applyFont="1" applyBorder="1" applyAlignment="1">
      <alignment horizontal="left" vertical="center"/>
    </xf>
    <xf numFmtId="0" fontId="34" fillId="0" borderId="12" xfId="0" applyFont="1" applyBorder="1" applyAlignment="1">
      <alignment horizontal="center" vertical="center"/>
    </xf>
    <xf numFmtId="0" fontId="10" fillId="0" borderId="12" xfId="0" applyFont="1" applyBorder="1" applyAlignment="1">
      <alignment vertical="center" wrapText="1"/>
    </xf>
    <xf numFmtId="0" fontId="10" fillId="0" borderId="73" xfId="0" applyFont="1" applyBorder="1" applyAlignment="1">
      <alignment horizontal="left" vertical="center"/>
    </xf>
    <xf numFmtId="0" fontId="34" fillId="0" borderId="28" xfId="0" applyFont="1" applyBorder="1" applyAlignment="1">
      <alignment horizontal="center" vertical="center"/>
    </xf>
    <xf numFmtId="0" fontId="10" fillId="0" borderId="74" xfId="0" applyFont="1" applyBorder="1" applyAlignment="1">
      <alignment horizontal="center" vertical="center" wrapText="1"/>
    </xf>
    <xf numFmtId="0" fontId="10" fillId="0" borderId="28" xfId="0" applyFont="1" applyBorder="1" applyAlignment="1">
      <alignment horizontal="left" vertical="center"/>
    </xf>
    <xf numFmtId="0" fontId="10" fillId="0" borderId="75" xfId="0" applyFont="1" applyBorder="1" applyAlignment="1">
      <alignment horizontal="center" vertical="center" wrapText="1"/>
    </xf>
    <xf numFmtId="0" fontId="35" fillId="0" borderId="28" xfId="0" applyFont="1" applyFill="1" applyBorder="1" applyAlignment="1">
      <alignment horizontal="center" vertical="center" wrapText="1"/>
    </xf>
    <xf numFmtId="0" fontId="10" fillId="0" borderId="76" xfId="0" applyFont="1" applyBorder="1" applyAlignment="1">
      <alignment horizontal="center" vertical="center" wrapText="1"/>
    </xf>
    <xf numFmtId="0" fontId="10" fillId="0" borderId="77" xfId="0" applyFont="1" applyBorder="1" applyAlignment="1">
      <alignment horizontal="center" vertical="center" wrapText="1"/>
    </xf>
    <xf numFmtId="0" fontId="34" fillId="0" borderId="9" xfId="0" applyFont="1" applyBorder="1" applyAlignment="1">
      <alignment horizontal="center" vertical="center"/>
    </xf>
    <xf numFmtId="0" fontId="10" fillId="0" borderId="14" xfId="0" applyFont="1" applyBorder="1">
      <alignment vertical="center"/>
    </xf>
    <xf numFmtId="0" fontId="10" fillId="0" borderId="6" xfId="0" applyFont="1" applyBorder="1">
      <alignment vertical="center"/>
    </xf>
    <xf numFmtId="0" fontId="10" fillId="0" borderId="11" xfId="0" applyFont="1" applyBorder="1">
      <alignment vertical="center"/>
    </xf>
    <xf numFmtId="0" fontId="47" fillId="0" borderId="27" xfId="0" applyFont="1" applyBorder="1" applyAlignment="1">
      <alignment horizontal="center" vertical="center" wrapText="1"/>
    </xf>
    <xf numFmtId="0" fontId="10" fillId="0" borderId="28" xfId="0" applyFont="1" applyBorder="1">
      <alignment vertical="center"/>
    </xf>
    <xf numFmtId="0" fontId="10" fillId="0" borderId="22" xfId="0" applyFont="1" applyBorder="1" applyAlignment="1">
      <alignment horizontal="left" vertical="center" wrapText="1"/>
    </xf>
    <xf numFmtId="0" fontId="35" fillId="0" borderId="28" xfId="0" applyFont="1" applyBorder="1" applyAlignment="1">
      <alignment horizontal="center" vertical="center" wrapText="1"/>
    </xf>
    <xf numFmtId="0" fontId="35" fillId="0" borderId="78" xfId="0" applyFont="1" applyBorder="1" applyAlignment="1">
      <alignment horizontal="center" vertical="center" wrapText="1"/>
    </xf>
    <xf numFmtId="0" fontId="10" fillId="0" borderId="78" xfId="0" applyFont="1" applyBorder="1" applyAlignment="1">
      <alignment horizontal="left" vertical="center" wrapText="1"/>
    </xf>
    <xf numFmtId="0" fontId="34" fillId="0" borderId="26" xfId="0" applyFont="1" applyBorder="1" applyAlignment="1">
      <alignment horizontal="left" vertical="center"/>
    </xf>
    <xf numFmtId="0" fontId="34" fillId="0" borderId="0" xfId="0" applyFont="1" applyBorder="1" applyAlignment="1">
      <alignment horizontal="left" vertical="center"/>
    </xf>
    <xf numFmtId="0" fontId="10" fillId="0" borderId="10" xfId="0" applyFont="1" applyFill="1" applyBorder="1" applyAlignment="1">
      <alignment horizontal="center" vertical="center" wrapText="1"/>
    </xf>
    <xf numFmtId="0" fontId="34" fillId="0" borderId="7" xfId="0" applyFont="1" applyBorder="1" applyAlignment="1">
      <alignment horizontal="center" vertical="center"/>
    </xf>
    <xf numFmtId="0" fontId="10" fillId="0" borderId="7" xfId="0" applyFont="1" applyBorder="1">
      <alignment vertical="center"/>
    </xf>
    <xf numFmtId="0" fontId="10" fillId="0" borderId="8" xfId="0" applyFont="1" applyBorder="1">
      <alignment vertical="center"/>
    </xf>
    <xf numFmtId="0" fontId="47" fillId="0" borderId="11" xfId="0" applyFont="1" applyBorder="1" applyAlignment="1">
      <alignment horizontal="center" vertical="center" wrapText="1"/>
    </xf>
    <xf numFmtId="0" fontId="10" fillId="0" borderId="28" xfId="0" applyFont="1" applyBorder="1" applyAlignment="1">
      <alignment horizontal="center" vertical="center"/>
    </xf>
    <xf numFmtId="0" fontId="47" fillId="0" borderId="28" xfId="0" applyFont="1" applyBorder="1" applyAlignment="1">
      <alignment horizontal="center" vertical="center" wrapText="1"/>
    </xf>
    <xf numFmtId="0" fontId="34" fillId="0" borderId="3" xfId="0" applyFont="1" applyBorder="1">
      <alignment vertical="center"/>
    </xf>
    <xf numFmtId="0" fontId="10" fillId="0" borderId="10" xfId="0" applyFont="1" applyBorder="1" applyAlignment="1">
      <alignment horizontal="center" vertical="center"/>
    </xf>
    <xf numFmtId="0" fontId="24" fillId="0" borderId="6" xfId="0" applyFont="1" applyBorder="1" applyAlignment="1">
      <alignment vertical="center" wrapText="1"/>
    </xf>
    <xf numFmtId="0" fontId="11" fillId="0" borderId="14" xfId="0" applyFont="1" applyBorder="1" applyAlignment="1">
      <alignment vertical="center" wrapText="1"/>
    </xf>
    <xf numFmtId="0" fontId="47" fillId="0" borderId="67" xfId="0" applyFont="1" applyBorder="1">
      <alignment vertical="center"/>
    </xf>
    <xf numFmtId="0" fontId="47" fillId="0" borderId="28" xfId="0" applyFont="1" applyBorder="1" applyAlignment="1">
      <alignment vertical="center" wrapText="1"/>
    </xf>
    <xf numFmtId="0" fontId="47" fillId="0" borderId="0" xfId="0" applyFont="1" applyAlignment="1">
      <alignment horizontal="center" vertical="center" wrapText="1"/>
    </xf>
    <xf numFmtId="0" fontId="10" fillId="0" borderId="38" xfId="2" applyFont="1" applyFill="1" applyBorder="1" applyAlignment="1" applyProtection="1">
      <alignment horizontal="center" vertical="center" wrapText="1"/>
    </xf>
    <xf numFmtId="0" fontId="35" fillId="0" borderId="9" xfId="0" applyFont="1" applyFill="1" applyBorder="1" applyAlignment="1" applyProtection="1">
      <alignment horizontal="center" vertical="center"/>
      <protection locked="0"/>
    </xf>
    <xf numFmtId="0" fontId="35" fillId="0" borderId="11" xfId="0" applyFont="1" applyFill="1" applyBorder="1" applyAlignment="1" applyProtection="1">
      <alignment horizontal="center" vertical="center"/>
      <protection locked="0"/>
    </xf>
    <xf numFmtId="0" fontId="35" fillId="0" borderId="10" xfId="0" applyFont="1" applyFill="1" applyBorder="1" applyAlignment="1" applyProtection="1">
      <alignment horizontal="center" vertical="center"/>
      <protection locked="0"/>
    </xf>
    <xf numFmtId="177" fontId="35" fillId="0" borderId="11" xfId="0" applyNumberFormat="1" applyFont="1" applyFill="1" applyBorder="1" applyAlignment="1">
      <alignment horizontal="center" vertical="center"/>
    </xf>
    <xf numFmtId="0" fontId="35" fillId="0" borderId="9" xfId="0" applyFont="1" applyBorder="1" applyAlignment="1">
      <alignment horizontal="center" vertical="center" wrapText="1"/>
    </xf>
    <xf numFmtId="0" fontId="11" fillId="0" borderId="11" xfId="6" applyFont="1" applyBorder="1" applyAlignment="1">
      <alignment vertical="center" wrapText="1"/>
    </xf>
    <xf numFmtId="0" fontId="61" fillId="0" borderId="0" xfId="0" applyFont="1" applyBorder="1" applyAlignment="1">
      <alignment horizontal="center" vertical="center"/>
    </xf>
    <xf numFmtId="0" fontId="15" fillId="0" borderId="1" xfId="0" applyFont="1" applyBorder="1" applyAlignment="1">
      <alignment vertical="center" wrapText="1"/>
    </xf>
    <xf numFmtId="0" fontId="13" fillId="0" borderId="5" xfId="0" applyFont="1" applyBorder="1" applyAlignment="1">
      <alignment horizontal="center" vertical="center"/>
    </xf>
    <xf numFmtId="0" fontId="13" fillId="0" borderId="5" xfId="0" applyFont="1" applyBorder="1">
      <alignment vertical="center"/>
    </xf>
    <xf numFmtId="0" fontId="61" fillId="0" borderId="5" xfId="0" applyFont="1" applyBorder="1" applyAlignment="1">
      <alignment horizontal="center" vertical="center"/>
    </xf>
    <xf numFmtId="177" fontId="15" fillId="0" borderId="5" xfId="0" applyNumberFormat="1" applyFont="1" applyFill="1" applyBorder="1" applyAlignment="1">
      <alignment horizontal="center" vertical="center"/>
    </xf>
    <xf numFmtId="0" fontId="15" fillId="0" borderId="5" xfId="0" applyFont="1" applyBorder="1" applyAlignment="1">
      <alignment vertical="center" wrapText="1"/>
    </xf>
    <xf numFmtId="0" fontId="35" fillId="0" borderId="5" xfId="0" applyFont="1" applyFill="1" applyBorder="1" applyAlignment="1" applyProtection="1">
      <alignment horizontal="center" vertical="center"/>
      <protection locked="0"/>
    </xf>
    <xf numFmtId="0" fontId="13" fillId="0" borderId="8" xfId="0" applyFont="1" applyBorder="1" applyAlignment="1">
      <alignment horizontal="center" vertical="center"/>
    </xf>
    <xf numFmtId="0" fontId="13" fillId="0" borderId="8" xfId="0" applyFont="1" applyBorder="1">
      <alignment vertical="center"/>
    </xf>
    <xf numFmtId="0" fontId="61" fillId="0" borderId="8" xfId="0" applyFont="1" applyBorder="1" applyAlignment="1">
      <alignment horizontal="center" vertical="center"/>
    </xf>
    <xf numFmtId="177" fontId="15" fillId="0" borderId="8" xfId="0" applyNumberFormat="1" applyFont="1" applyFill="1" applyBorder="1" applyAlignment="1">
      <alignment horizontal="center" vertical="center"/>
    </xf>
    <xf numFmtId="0" fontId="15" fillId="0" borderId="8" xfId="0" applyFont="1" applyBorder="1" applyAlignment="1">
      <alignment vertical="center" wrapText="1"/>
    </xf>
    <xf numFmtId="0" fontId="35" fillId="0" borderId="0" xfId="0" applyFont="1" applyFill="1" applyBorder="1" applyAlignment="1" applyProtection="1">
      <alignment horizontal="center" vertical="center"/>
      <protection locked="0"/>
    </xf>
    <xf numFmtId="0" fontId="35" fillId="0" borderId="0" xfId="0" applyFont="1" applyFill="1" applyBorder="1" applyAlignment="1" applyProtection="1">
      <alignment horizontal="center" vertical="center" wrapText="1"/>
      <protection locked="0"/>
    </xf>
    <xf numFmtId="0" fontId="35" fillId="0" borderId="0" xfId="0" applyFont="1" applyFill="1" applyBorder="1" applyAlignment="1">
      <alignment horizontal="left" vertical="center"/>
    </xf>
    <xf numFmtId="0" fontId="11" fillId="0" borderId="26" xfId="0" applyFont="1" applyFill="1" applyBorder="1" applyAlignment="1">
      <alignment vertical="center" wrapText="1"/>
    </xf>
    <xf numFmtId="0" fontId="11" fillId="0" borderId="11" xfId="0" applyFont="1" applyBorder="1" applyAlignment="1">
      <alignment horizontal="center" vertical="center"/>
    </xf>
    <xf numFmtId="0" fontId="11" fillId="0" borderId="11" xfId="0" applyFont="1" applyFill="1" applyBorder="1" applyAlignment="1" applyProtection="1">
      <alignment horizontal="left" vertical="center" wrapText="1"/>
      <protection locked="0"/>
    </xf>
    <xf numFmtId="0" fontId="15" fillId="0" borderId="10" xfId="0" applyFont="1" applyFill="1" applyBorder="1" applyAlignment="1" applyProtection="1">
      <alignment horizontal="left" vertical="center" wrapText="1"/>
      <protection locked="0"/>
    </xf>
    <xf numFmtId="0" fontId="35" fillId="0" borderId="9" xfId="0" applyFont="1" applyFill="1" applyBorder="1" applyAlignment="1" applyProtection="1">
      <alignment horizontal="left" vertical="center" wrapText="1"/>
      <protection locked="0"/>
    </xf>
    <xf numFmtId="0" fontId="11" fillId="0" borderId="6" xfId="0" applyFont="1" applyFill="1" applyBorder="1" applyAlignment="1">
      <alignment horizontal="center" vertical="center"/>
    </xf>
    <xf numFmtId="0" fontId="35" fillId="0" borderId="3" xfId="0" applyFont="1" applyFill="1" applyBorder="1" applyAlignment="1">
      <alignment horizontal="center" vertical="center"/>
    </xf>
    <xf numFmtId="0" fontId="35" fillId="0" borderId="11" xfId="0" applyFont="1" applyFill="1" applyBorder="1" applyAlignment="1" applyProtection="1">
      <alignment horizontal="left" vertical="center" wrapText="1"/>
      <protection locked="0"/>
    </xf>
    <xf numFmtId="0" fontId="35" fillId="0" borderId="10" xfId="0" applyFont="1" applyFill="1" applyBorder="1" applyAlignment="1">
      <alignment horizontal="center" vertical="center"/>
    </xf>
    <xf numFmtId="0" fontId="35" fillId="0" borderId="4" xfId="0" applyFont="1" applyFill="1" applyBorder="1">
      <alignment vertical="center"/>
    </xf>
    <xf numFmtId="0" fontId="11" fillId="0" borderId="11" xfId="0" applyFont="1" applyFill="1" applyBorder="1" applyAlignment="1">
      <alignment horizontal="center" vertical="center"/>
    </xf>
    <xf numFmtId="0" fontId="35" fillId="0" borderId="5" xfId="0" applyFont="1" applyFill="1" applyBorder="1">
      <alignment vertical="center"/>
    </xf>
    <xf numFmtId="0" fontId="11" fillId="0" borderId="11" xfId="0" applyFont="1" applyFill="1" applyBorder="1" applyAlignment="1">
      <alignment horizontal="center" vertical="center" wrapText="1"/>
    </xf>
    <xf numFmtId="0" fontId="11" fillId="0" borderId="9" xfId="0" applyFont="1" applyFill="1" applyBorder="1" applyAlignment="1" applyProtection="1">
      <alignment horizontal="left" vertical="center" wrapText="1"/>
      <protection locked="0"/>
    </xf>
    <xf numFmtId="0" fontId="15" fillId="0" borderId="8" xfId="0" applyFont="1" applyFill="1" applyBorder="1" applyAlignment="1">
      <alignment horizontal="center" vertical="center"/>
    </xf>
    <xf numFmtId="0" fontId="11" fillId="0" borderId="9" xfId="0" applyFont="1" applyFill="1" applyBorder="1" applyAlignment="1">
      <alignment horizontal="center" vertical="center" wrapText="1"/>
    </xf>
    <xf numFmtId="0" fontId="35" fillId="0" borderId="0" xfId="0" applyFont="1" applyFill="1" applyBorder="1" applyAlignment="1">
      <alignment vertical="center"/>
    </xf>
    <xf numFmtId="0" fontId="35" fillId="0" borderId="11" xfId="0" applyFont="1" applyFill="1" applyBorder="1" applyAlignment="1">
      <alignment horizontal="center" vertical="center" wrapText="1"/>
    </xf>
    <xf numFmtId="0" fontId="25" fillId="2" borderId="11" xfId="0" applyFont="1" applyFill="1" applyBorder="1" applyAlignment="1">
      <alignment horizontal="center" vertical="center" wrapText="1"/>
    </xf>
    <xf numFmtId="0" fontId="30" fillId="2" borderId="10" xfId="0" applyFont="1" applyFill="1" applyBorder="1" applyAlignment="1">
      <alignment horizontal="center" vertical="center" wrapText="1"/>
    </xf>
    <xf numFmtId="0" fontId="35" fillId="0" borderId="9" xfId="0" applyFont="1" applyFill="1" applyBorder="1" applyAlignment="1">
      <alignment horizontal="center" vertical="center" wrapText="1"/>
    </xf>
    <xf numFmtId="0" fontId="40" fillId="2" borderId="12" xfId="0" applyFont="1" applyFill="1" applyBorder="1" applyAlignment="1">
      <alignment horizontal="center" vertical="center" wrapText="1"/>
    </xf>
    <xf numFmtId="0" fontId="15" fillId="0" borderId="5" xfId="0" applyFont="1" applyBorder="1" applyAlignment="1">
      <alignment horizontal="left" vertical="center"/>
    </xf>
    <xf numFmtId="0" fontId="76" fillId="4" borderId="0" xfId="0" applyFont="1" applyFill="1" applyBorder="1" applyAlignment="1">
      <alignment vertical="center" wrapText="1"/>
    </xf>
    <xf numFmtId="0" fontId="35" fillId="0" borderId="4" xfId="0" applyFont="1" applyFill="1" applyBorder="1" applyAlignment="1" applyProtection="1">
      <alignment horizontal="center" vertical="center"/>
      <protection locked="0"/>
    </xf>
    <xf numFmtId="177" fontId="35" fillId="4" borderId="0" xfId="0" applyNumberFormat="1" applyFont="1" applyFill="1" applyBorder="1" applyAlignment="1">
      <alignment vertical="center"/>
    </xf>
    <xf numFmtId="0" fontId="60" fillId="0" borderId="2" xfId="0" applyFont="1" applyFill="1" applyBorder="1" applyAlignment="1" applyProtection="1">
      <alignment vertical="center"/>
      <protection locked="0"/>
    </xf>
    <xf numFmtId="0" fontId="47" fillId="4" borderId="0" xfId="0" applyFont="1" applyFill="1" applyBorder="1" applyAlignment="1">
      <alignment horizontal="left" vertical="center"/>
    </xf>
    <xf numFmtId="0" fontId="35" fillId="4" borderId="79" xfId="0" applyFont="1" applyFill="1" applyBorder="1" applyAlignment="1">
      <alignment horizontal="left" vertical="center"/>
    </xf>
    <xf numFmtId="0" fontId="35" fillId="4" borderId="80" xfId="0" applyFont="1" applyFill="1" applyBorder="1" applyAlignment="1">
      <alignment vertical="center"/>
    </xf>
    <xf numFmtId="0" fontId="35" fillId="4" borderId="81" xfId="0" applyFont="1" applyFill="1" applyBorder="1" applyAlignment="1">
      <alignment vertical="center" wrapText="1"/>
    </xf>
    <xf numFmtId="0" fontId="35" fillId="4" borderId="82" xfId="0" applyFont="1" applyFill="1" applyBorder="1" applyAlignment="1">
      <alignment horizontal="center" vertical="center" wrapText="1"/>
    </xf>
    <xf numFmtId="177" fontId="35" fillId="4" borderId="83" xfId="0" applyNumberFormat="1" applyFont="1" applyFill="1" applyBorder="1" applyAlignment="1">
      <alignment horizontal="center" vertical="center"/>
    </xf>
    <xf numFmtId="0" fontId="35" fillId="4" borderId="84" xfId="0" applyFont="1" applyFill="1" applyBorder="1" applyAlignment="1">
      <alignment vertical="center" wrapText="1"/>
    </xf>
    <xf numFmtId="0" fontId="10" fillId="0" borderId="54" xfId="0" applyFont="1" applyFill="1" applyBorder="1" applyAlignment="1">
      <alignment horizontal="center" vertical="center" wrapText="1"/>
    </xf>
    <xf numFmtId="0" fontId="10" fillId="0" borderId="54" xfId="0" applyFont="1" applyFill="1" applyBorder="1" applyAlignment="1">
      <alignment vertical="center" wrapText="1"/>
    </xf>
    <xf numFmtId="0" fontId="10" fillId="0" borderId="78" xfId="0" applyFont="1" applyFill="1" applyBorder="1" applyAlignment="1">
      <alignment horizontal="center" vertical="center" wrapText="1"/>
    </xf>
    <xf numFmtId="0" fontId="10" fillId="0" borderId="78" xfId="0" applyFont="1" applyFill="1" applyBorder="1" applyAlignment="1">
      <alignment vertical="center" wrapText="1"/>
    </xf>
    <xf numFmtId="0" fontId="47" fillId="0" borderId="25" xfId="0" applyFont="1" applyFill="1" applyBorder="1" applyAlignment="1">
      <alignment vertical="center" wrapText="1"/>
    </xf>
    <xf numFmtId="0" fontId="10" fillId="0" borderId="24" xfId="0" applyFont="1" applyFill="1" applyBorder="1" applyAlignment="1">
      <alignment horizontal="left" vertical="center" wrapText="1"/>
    </xf>
    <xf numFmtId="0" fontId="10" fillId="0" borderId="78" xfId="0" applyFont="1" applyBorder="1" applyAlignment="1">
      <alignment vertical="center" wrapText="1"/>
    </xf>
    <xf numFmtId="0" fontId="10" fillId="0" borderId="78" xfId="0" applyFont="1" applyFill="1" applyBorder="1" applyAlignment="1">
      <alignment horizontal="left" vertical="center" wrapText="1"/>
    </xf>
    <xf numFmtId="0" fontId="47" fillId="0" borderId="28" xfId="0" applyFont="1" applyFill="1" applyBorder="1" applyAlignment="1">
      <alignment horizontal="left" vertical="center" wrapText="1"/>
    </xf>
    <xf numFmtId="0" fontId="47" fillId="0" borderId="28" xfId="0" applyFont="1" applyFill="1" applyBorder="1" applyAlignment="1">
      <alignment horizontal="left" vertical="center"/>
    </xf>
    <xf numFmtId="0" fontId="47" fillId="0" borderId="28" xfId="0" applyFont="1" applyFill="1" applyBorder="1">
      <alignment vertical="center"/>
    </xf>
    <xf numFmtId="0" fontId="47" fillId="0" borderId="22" xfId="0" applyFont="1" applyFill="1" applyBorder="1" applyAlignment="1">
      <alignment horizontal="left" vertical="center" wrapText="1"/>
    </xf>
    <xf numFmtId="0" fontId="76" fillId="0" borderId="78" xfId="0" applyFont="1" applyFill="1" applyBorder="1" applyAlignment="1">
      <alignment horizontal="center" vertical="center" wrapText="1"/>
    </xf>
    <xf numFmtId="0" fontId="47" fillId="0" borderId="78" xfId="0" applyFont="1" applyFill="1" applyBorder="1" applyAlignment="1">
      <alignment horizontal="left" vertical="center" wrapText="1"/>
    </xf>
    <xf numFmtId="0" fontId="10" fillId="0" borderId="28" xfId="0" applyFont="1" applyFill="1" applyBorder="1" applyAlignment="1">
      <alignment horizontal="center" vertical="center"/>
    </xf>
    <xf numFmtId="0" fontId="47" fillId="0" borderId="28" xfId="0" applyFont="1" applyFill="1" applyBorder="1" applyAlignment="1">
      <alignment horizontal="center" vertical="center" wrapText="1"/>
    </xf>
    <xf numFmtId="0" fontId="86" fillId="0" borderId="24" xfId="0" applyFont="1" applyFill="1" applyBorder="1">
      <alignment vertical="center"/>
    </xf>
    <xf numFmtId="0" fontId="76" fillId="0" borderId="24" xfId="0" applyFont="1" applyFill="1" applyBorder="1" applyAlignment="1">
      <alignment horizontal="center" vertical="center" wrapText="1"/>
    </xf>
    <xf numFmtId="0" fontId="47" fillId="0" borderId="24" xfId="0" applyFont="1" applyFill="1" applyBorder="1" applyAlignment="1">
      <alignment horizontal="left" vertical="center" wrapText="1"/>
    </xf>
    <xf numFmtId="0" fontId="47" fillId="0" borderId="4" xfId="0" applyFont="1" applyFill="1" applyBorder="1" applyAlignment="1">
      <alignment horizontal="left" vertical="center" wrapText="1"/>
    </xf>
    <xf numFmtId="0" fontId="10" fillId="0" borderId="11" xfId="0" applyFont="1" applyBorder="1" applyAlignment="1">
      <alignment vertical="center" wrapText="1"/>
    </xf>
    <xf numFmtId="0" fontId="10" fillId="0" borderId="12" xfId="13" applyFont="1" applyFill="1" applyBorder="1" applyAlignment="1">
      <alignment horizontal="center" vertical="center"/>
    </xf>
    <xf numFmtId="0" fontId="47" fillId="0" borderId="67" xfId="0" applyFont="1" applyFill="1" applyBorder="1">
      <alignment vertical="center"/>
    </xf>
    <xf numFmtId="0" fontId="11" fillId="0" borderId="67" xfId="0" applyFont="1" applyFill="1" applyBorder="1">
      <alignment vertical="center"/>
    </xf>
    <xf numFmtId="0" fontId="47" fillId="0" borderId="54" xfId="0" applyFont="1" applyFill="1" applyBorder="1" applyAlignment="1">
      <alignment vertical="center" wrapText="1"/>
    </xf>
    <xf numFmtId="0" fontId="35" fillId="0" borderId="68" xfId="0" applyFont="1" applyBorder="1">
      <alignment vertical="center"/>
    </xf>
    <xf numFmtId="0" fontId="47" fillId="0" borderId="67" xfId="0" applyFont="1" applyBorder="1" applyAlignment="1">
      <alignment vertical="center" wrapText="1"/>
    </xf>
    <xf numFmtId="0" fontId="10" fillId="0" borderId="10" xfId="0" applyFont="1" applyBorder="1" applyAlignment="1">
      <alignment horizontal="center" vertical="center" wrapText="1"/>
    </xf>
    <xf numFmtId="0" fontId="43" fillId="0" borderId="67" xfId="0" applyFont="1" applyBorder="1">
      <alignment vertical="center"/>
    </xf>
    <xf numFmtId="0" fontId="98" fillId="0" borderId="5" xfId="0" applyFont="1" applyFill="1" applyBorder="1" applyAlignment="1" applyProtection="1">
      <alignment horizontal="left" vertical="center" shrinkToFit="1"/>
      <protection locked="0"/>
    </xf>
    <xf numFmtId="0" fontId="15" fillId="4" borderId="26" xfId="0" applyFont="1" applyFill="1" applyBorder="1" applyAlignment="1">
      <alignment horizontal="left" vertical="center"/>
    </xf>
    <xf numFmtId="0" fontId="10" fillId="0" borderId="7" xfId="0" applyFont="1" applyBorder="1" applyAlignment="1">
      <alignment vertical="center"/>
    </xf>
    <xf numFmtId="0" fontId="10" fillId="0" borderId="19" xfId="0" applyFont="1" applyBorder="1" applyAlignment="1">
      <alignment vertical="center"/>
    </xf>
    <xf numFmtId="0" fontId="10" fillId="0" borderId="8" xfId="9" applyFont="1" applyBorder="1" applyAlignment="1">
      <alignment horizontal="left" vertical="top" wrapText="1"/>
    </xf>
    <xf numFmtId="0" fontId="10" fillId="0" borderId="0" xfId="9" applyFont="1" applyBorder="1" applyAlignment="1">
      <alignment horizontal="left" vertical="top" wrapText="1"/>
    </xf>
    <xf numFmtId="0" fontId="61" fillId="4" borderId="0" xfId="0" applyFont="1" applyFill="1" applyAlignment="1">
      <alignment horizontal="right"/>
    </xf>
    <xf numFmtId="0" fontId="73" fillId="4" borderId="0" xfId="0" applyFont="1" applyFill="1" applyAlignment="1">
      <alignment wrapText="1"/>
    </xf>
    <xf numFmtId="0" fontId="10" fillId="0" borderId="0" xfId="0" applyFont="1" applyAlignment="1">
      <alignment wrapText="1"/>
    </xf>
    <xf numFmtId="0" fontId="47" fillId="4" borderId="0" xfId="0" applyFont="1" applyFill="1" applyAlignment="1">
      <alignment horizontal="right"/>
    </xf>
    <xf numFmtId="0" fontId="10" fillId="4" borderId="0" xfId="0" applyFont="1" applyFill="1" applyAlignment="1">
      <alignment horizontal="right"/>
    </xf>
    <xf numFmtId="0" fontId="47" fillId="4" borderId="0" xfId="0" applyFont="1" applyFill="1" applyAlignment="1"/>
    <xf numFmtId="49" fontId="15" fillId="4" borderId="2" xfId="0" applyNumberFormat="1" applyFont="1" applyFill="1" applyBorder="1" applyAlignment="1">
      <alignment horizontal="center" vertical="center" wrapText="1"/>
    </xf>
    <xf numFmtId="49" fontId="15" fillId="4" borderId="4" xfId="0" applyNumberFormat="1" applyFont="1" applyFill="1" applyBorder="1" applyAlignment="1">
      <alignment horizontal="center" vertical="center" wrapText="1"/>
    </xf>
    <xf numFmtId="49" fontId="15" fillId="4" borderId="11" xfId="0" applyNumberFormat="1" applyFont="1" applyFill="1" applyBorder="1" applyAlignment="1">
      <alignment horizontal="center" vertical="center" wrapText="1"/>
    </xf>
    <xf numFmtId="49" fontId="15" fillId="4" borderId="12" xfId="0" applyNumberFormat="1" applyFont="1" applyFill="1" applyBorder="1" applyAlignment="1">
      <alignment horizontal="center" vertical="center" wrapText="1"/>
    </xf>
    <xf numFmtId="49" fontId="15" fillId="4" borderId="10" xfId="0" applyNumberFormat="1" applyFont="1" applyFill="1" applyBorder="1" applyAlignment="1">
      <alignment horizontal="center" vertical="center" wrapText="1"/>
    </xf>
    <xf numFmtId="0" fontId="65" fillId="4" borderId="0" xfId="0" applyFont="1" applyFill="1" applyAlignment="1">
      <alignment horizontal="left" vertical="center" wrapText="1"/>
    </xf>
    <xf numFmtId="0" fontId="10" fillId="0" borderId="0" xfId="0" applyFont="1" applyAlignment="1">
      <alignment horizontal="left" vertical="center" wrapText="1"/>
    </xf>
    <xf numFmtId="0" fontId="35" fillId="4" borderId="0" xfId="0" applyFont="1" applyFill="1" applyAlignment="1">
      <alignment horizontal="left" vertical="center" shrinkToFit="1"/>
    </xf>
    <xf numFmtId="0" fontId="10" fillId="0" borderId="0" xfId="0" applyFont="1" applyAlignment="1">
      <alignment horizontal="left" vertical="center" shrinkToFit="1"/>
    </xf>
    <xf numFmtId="0" fontId="15" fillId="4" borderId="26" xfId="0" applyFont="1" applyFill="1" applyBorder="1" applyAlignment="1">
      <alignment horizontal="left" vertical="center" shrinkToFit="1"/>
    </xf>
    <xf numFmtId="0" fontId="10" fillId="0" borderId="7" xfId="0" applyFont="1" applyBorder="1" applyAlignment="1">
      <alignment vertical="center" shrinkToFit="1"/>
    </xf>
    <xf numFmtId="0" fontId="10" fillId="0" borderId="19" xfId="0" applyFont="1" applyBorder="1" applyAlignment="1">
      <alignment vertical="center" shrinkToFit="1"/>
    </xf>
    <xf numFmtId="0" fontId="15" fillId="0" borderId="0" xfId="6" applyFont="1" applyBorder="1" applyAlignment="1">
      <alignment horizontal="left" vertical="center" wrapText="1"/>
    </xf>
    <xf numFmtId="0" fontId="17" fillId="0" borderId="0" xfId="6" applyFont="1" applyBorder="1" applyAlignment="1">
      <alignment horizontal="left" vertical="center" wrapText="1" indent="1"/>
    </xf>
    <xf numFmtId="0" fontId="35" fillId="4" borderId="9" xfId="0" applyFont="1" applyFill="1" applyBorder="1" applyAlignment="1" applyProtection="1">
      <alignment horizontal="center" vertical="center" wrapText="1"/>
      <protection locked="0"/>
    </xf>
    <xf numFmtId="49" fontId="36" fillId="0" borderId="0" xfId="6" applyNumberFormat="1" applyFont="1" applyBorder="1" applyAlignment="1">
      <alignment horizontal="center" vertical="center"/>
    </xf>
    <xf numFmtId="0" fontId="35" fillId="4" borderId="20" xfId="0" applyFont="1" applyFill="1" applyBorder="1" applyAlignment="1" applyProtection="1">
      <alignment horizontal="center" vertical="center" wrapText="1"/>
      <protection locked="0"/>
    </xf>
    <xf numFmtId="0" fontId="17" fillId="0" borderId="0" xfId="6" applyFont="1" applyBorder="1" applyAlignment="1">
      <alignment horizontal="left" vertical="center" wrapText="1"/>
    </xf>
    <xf numFmtId="0" fontId="10" fillId="0" borderId="0" xfId="6" applyFont="1" applyBorder="1" applyAlignment="1">
      <alignment horizontal="left" wrapText="1"/>
    </xf>
    <xf numFmtId="0" fontId="13" fillId="0" borderId="0" xfId="6" applyFont="1" applyBorder="1" applyAlignment="1">
      <alignment horizontal="right" vertical="center" wrapText="1"/>
    </xf>
    <xf numFmtId="0" fontId="55" fillId="0" borderId="0" xfId="6" applyFont="1" applyBorder="1" applyAlignment="1">
      <alignment horizontal="left" vertical="center" wrapText="1"/>
    </xf>
    <xf numFmtId="0" fontId="57" fillId="0" borderId="0" xfId="6" applyFont="1" applyBorder="1" applyAlignment="1">
      <alignment horizontal="left" vertical="center" wrapText="1"/>
    </xf>
    <xf numFmtId="0" fontId="13" fillId="0" borderId="0" xfId="6" applyFont="1" applyBorder="1" applyAlignment="1">
      <alignment horizontal="left" vertical="center" wrapText="1"/>
    </xf>
    <xf numFmtId="0" fontId="16" fillId="0" borderId="0" xfId="6" quotePrefix="1" applyFont="1" applyBorder="1" applyAlignment="1">
      <alignment horizontal="left" vertical="center" wrapText="1" indent="1"/>
    </xf>
    <xf numFmtId="0" fontId="16" fillId="0" borderId="0" xfId="6" applyFont="1" applyBorder="1" applyAlignment="1">
      <alignment horizontal="left" vertical="center" wrapText="1" indent="1"/>
    </xf>
    <xf numFmtId="0" fontId="45" fillId="0" borderId="0" xfId="0" applyFont="1" applyFill="1" applyBorder="1" applyAlignment="1" applyProtection="1">
      <alignment horizontal="left" shrinkToFit="1"/>
      <protection locked="0"/>
    </xf>
    <xf numFmtId="0" fontId="45" fillId="0" borderId="5" xfId="0" applyFont="1" applyFill="1" applyBorder="1" applyAlignment="1" applyProtection="1">
      <alignment horizontal="left" shrinkToFit="1"/>
      <protection locked="0"/>
    </xf>
    <xf numFmtId="0" fontId="35" fillId="0" borderId="0" xfId="3" applyFont="1" applyFill="1" applyBorder="1" applyAlignment="1" applyProtection="1">
      <alignment horizontal="left"/>
    </xf>
    <xf numFmtId="0" fontId="35" fillId="0" borderId="0" xfId="3" applyFont="1" applyFill="1" applyAlignment="1" applyProtection="1">
      <alignment horizontal="left"/>
    </xf>
    <xf numFmtId="0" fontId="55" fillId="0" borderId="0" xfId="6" applyFont="1" applyBorder="1" applyAlignment="1">
      <alignment horizontal="left" wrapText="1"/>
    </xf>
    <xf numFmtId="0" fontId="35" fillId="0" borderId="11" xfId="0" applyNumberFormat="1" applyFont="1" applyFill="1" applyBorder="1" applyAlignment="1" applyProtection="1">
      <alignment horizontal="center" vertical="center"/>
      <protection locked="0"/>
    </xf>
    <xf numFmtId="0" fontId="15" fillId="0" borderId="10" xfId="0" applyNumberFormat="1" applyFont="1" applyFill="1" applyBorder="1" applyAlignment="1" applyProtection="1">
      <alignment horizontal="center" vertical="center"/>
      <protection locked="0"/>
    </xf>
    <xf numFmtId="0" fontId="34" fillId="0" borderId="0" xfId="6" applyFont="1" applyBorder="1" applyAlignment="1">
      <alignment horizontal="left" wrapText="1"/>
    </xf>
    <xf numFmtId="0" fontId="22" fillId="0" borderId="0" xfId="6" applyFont="1" applyBorder="1" applyAlignment="1">
      <alignment horizontal="left" vertical="center" wrapText="1"/>
    </xf>
    <xf numFmtId="0" fontId="15" fillId="0" borderId="12" xfId="0" applyNumberFormat="1" applyFont="1" applyFill="1" applyBorder="1" applyAlignment="1" applyProtection="1">
      <alignment horizontal="center" vertical="center"/>
      <protection locked="0"/>
    </xf>
    <xf numFmtId="0" fontId="35" fillId="0" borderId="9" xfId="0" applyNumberFormat="1" applyFont="1" applyFill="1" applyBorder="1" applyAlignment="1" applyProtection="1">
      <alignment horizontal="center" vertical="center" wrapText="1"/>
      <protection locked="0"/>
    </xf>
    <xf numFmtId="0" fontId="15" fillId="0" borderId="9" xfId="0" applyNumberFormat="1" applyFont="1" applyFill="1" applyBorder="1" applyAlignment="1" applyProtection="1">
      <alignment horizontal="center" vertical="center" wrapText="1"/>
      <protection locked="0"/>
    </xf>
    <xf numFmtId="0" fontId="33" fillId="0" borderId="9" xfId="6" applyFont="1" applyBorder="1" applyAlignment="1" applyProtection="1">
      <alignment horizontal="center" vertical="center"/>
      <protection locked="0"/>
    </xf>
    <xf numFmtId="0" fontId="13" fillId="0" borderId="9" xfId="6" applyFont="1" applyBorder="1" applyAlignment="1" applyProtection="1">
      <alignment horizontal="center" vertical="center"/>
      <protection locked="0"/>
    </xf>
    <xf numFmtId="0" fontId="44" fillId="0" borderId="0" xfId="6" applyFont="1" applyBorder="1" applyAlignment="1">
      <alignment horizontal="left" wrapText="1"/>
    </xf>
    <xf numFmtId="0" fontId="35" fillId="0" borderId="9" xfId="0" applyFont="1" applyFill="1" applyBorder="1" applyAlignment="1" applyProtection="1">
      <alignment horizontal="center" vertical="center"/>
      <protection locked="0"/>
    </xf>
    <xf numFmtId="0" fontId="33" fillId="0" borderId="15" xfId="10" applyFont="1" applyBorder="1" applyAlignment="1">
      <alignment horizontal="center" vertical="center" wrapText="1"/>
    </xf>
    <xf numFmtId="0" fontId="33" fillId="0" borderId="16" xfId="10" applyFont="1" applyBorder="1" applyAlignment="1">
      <alignment horizontal="center" vertical="center" wrapText="1"/>
    </xf>
    <xf numFmtId="0" fontId="33" fillId="0" borderId="17" xfId="10" applyFont="1" applyBorder="1" applyAlignment="1">
      <alignment horizontal="center" vertical="center" wrapText="1"/>
    </xf>
    <xf numFmtId="0" fontId="35" fillId="0" borderId="11" xfId="0" applyFont="1" applyBorder="1" applyAlignment="1">
      <alignment horizontal="center" vertical="center"/>
    </xf>
    <xf numFmtId="0" fontId="35" fillId="0" borderId="12" xfId="0" applyFont="1" applyBorder="1" applyAlignment="1">
      <alignment horizontal="center" vertical="center"/>
    </xf>
    <xf numFmtId="0" fontId="35" fillId="0" borderId="10" xfId="0" applyFont="1" applyBorder="1" applyAlignment="1">
      <alignment horizontal="center" vertical="center"/>
    </xf>
    <xf numFmtId="0" fontId="35" fillId="0" borderId="11" xfId="0" applyFont="1" applyFill="1" applyBorder="1" applyAlignment="1" applyProtection="1">
      <alignment horizontal="center" vertical="center" wrapText="1"/>
      <protection locked="0"/>
    </xf>
    <xf numFmtId="0" fontId="35" fillId="0" borderId="10" xfId="0" applyFont="1" applyFill="1" applyBorder="1" applyAlignment="1" applyProtection="1">
      <alignment horizontal="center" vertical="center" wrapText="1"/>
      <protection locked="0"/>
    </xf>
    <xf numFmtId="0" fontId="35" fillId="0" borderId="12" xfId="0" applyFont="1" applyFill="1" applyBorder="1" applyAlignment="1" applyProtection="1">
      <alignment horizontal="center" vertical="center" wrapText="1"/>
      <protection locked="0"/>
    </xf>
    <xf numFmtId="0" fontId="39" fillId="0" borderId="0" xfId="0" applyFont="1" applyBorder="1" applyAlignment="1">
      <alignment vertical="center" wrapText="1"/>
    </xf>
    <xf numFmtId="49" fontId="36" fillId="0" borderId="0" xfId="10" applyNumberFormat="1" applyFont="1" applyBorder="1" applyAlignment="1">
      <alignment horizontal="center" vertical="center"/>
    </xf>
    <xf numFmtId="0" fontId="35" fillId="0" borderId="11" xfId="0" applyFont="1" applyFill="1" applyBorder="1" applyAlignment="1" applyProtection="1">
      <alignment horizontal="center" vertical="center"/>
      <protection locked="0"/>
    </xf>
    <xf numFmtId="0" fontId="35" fillId="0" borderId="10" xfId="0" applyFont="1" applyFill="1" applyBorder="1" applyAlignment="1" applyProtection="1">
      <alignment horizontal="center" vertical="center"/>
      <protection locked="0"/>
    </xf>
    <xf numFmtId="49" fontId="52" fillId="0" borderId="0" xfId="6" applyNumberFormat="1" applyFont="1" applyBorder="1" applyAlignment="1">
      <alignment horizontal="center" vertical="center"/>
    </xf>
    <xf numFmtId="0" fontId="35" fillId="0" borderId="12" xfId="0" applyFont="1" applyFill="1" applyBorder="1" applyAlignment="1" applyProtection="1">
      <alignment horizontal="center" vertical="center"/>
      <protection locked="0"/>
    </xf>
    <xf numFmtId="0" fontId="33" fillId="0" borderId="15" xfId="6" applyFont="1" applyBorder="1" applyAlignment="1">
      <alignment horizontal="center" vertical="center" wrapText="1"/>
    </xf>
    <xf numFmtId="0" fontId="33" fillId="0" borderId="16" xfId="6" applyFont="1" applyBorder="1" applyAlignment="1">
      <alignment horizontal="center" vertical="center" wrapText="1"/>
    </xf>
    <xf numFmtId="0" fontId="33" fillId="0" borderId="17" xfId="6" applyFont="1" applyBorder="1" applyAlignment="1">
      <alignment horizontal="center" vertical="center" wrapText="1"/>
    </xf>
    <xf numFmtId="0" fontId="32" fillId="4" borderId="41" xfId="2" applyFont="1" applyFill="1" applyBorder="1" applyAlignment="1" applyProtection="1">
      <alignment horizontal="left" vertical="center" wrapText="1"/>
    </xf>
    <xf numFmtId="0" fontId="32" fillId="4" borderId="42" xfId="2" applyFont="1" applyFill="1" applyBorder="1" applyAlignment="1" applyProtection="1">
      <alignment horizontal="left" vertical="center"/>
    </xf>
    <xf numFmtId="0" fontId="32" fillId="4" borderId="43" xfId="2" applyFont="1" applyFill="1" applyBorder="1" applyAlignment="1" applyProtection="1">
      <alignment horizontal="left" vertical="center"/>
    </xf>
    <xf numFmtId="0" fontId="32" fillId="4" borderId="44" xfId="2" applyFont="1" applyFill="1" applyBorder="1" applyAlignment="1" applyProtection="1">
      <alignment horizontal="left" vertical="center" wrapText="1"/>
    </xf>
    <xf numFmtId="0" fontId="32" fillId="4" borderId="0" xfId="2" applyFont="1" applyFill="1" applyBorder="1" applyAlignment="1" applyProtection="1">
      <alignment horizontal="left" vertical="center"/>
    </xf>
    <xf numFmtId="0" fontId="32" fillId="4" borderId="45" xfId="2" applyFont="1" applyFill="1" applyBorder="1" applyAlignment="1" applyProtection="1">
      <alignment horizontal="left" vertical="center"/>
    </xf>
    <xf numFmtId="0" fontId="32" fillId="4" borderId="46" xfId="2" applyFont="1" applyFill="1" applyBorder="1" applyAlignment="1" applyProtection="1">
      <alignment horizontal="left" vertical="center"/>
    </xf>
    <xf numFmtId="0" fontId="32" fillId="4" borderId="47" xfId="2" applyFont="1" applyFill="1" applyBorder="1" applyAlignment="1" applyProtection="1">
      <alignment horizontal="left" vertical="center"/>
    </xf>
    <xf numFmtId="0" fontId="32" fillId="4" borderId="48" xfId="2" applyFont="1" applyFill="1" applyBorder="1" applyAlignment="1" applyProtection="1">
      <alignment horizontal="left" vertical="center"/>
    </xf>
    <xf numFmtId="176" fontId="13" fillId="4" borderId="5" xfId="2" applyNumberFormat="1" applyFont="1" applyFill="1" applyBorder="1" applyAlignment="1" applyProtection="1">
      <alignment horizontal="left" vertical="center"/>
      <protection locked="0"/>
    </xf>
    <xf numFmtId="0" fontId="13" fillId="4" borderId="5" xfId="2" applyFont="1" applyFill="1" applyBorder="1" applyAlignment="1" applyProtection="1">
      <alignment horizontal="left" vertical="center"/>
      <protection locked="0"/>
    </xf>
    <xf numFmtId="0" fontId="33" fillId="4" borderId="8" xfId="2" applyFont="1" applyFill="1" applyBorder="1" applyAlignment="1" applyProtection="1">
      <alignment horizontal="center" vertical="center" wrapText="1"/>
    </xf>
    <xf numFmtId="0" fontId="33" fillId="0" borderId="5" xfId="0" applyFont="1" applyBorder="1" applyAlignment="1">
      <alignment vertical="center"/>
    </xf>
    <xf numFmtId="0" fontId="33" fillId="4" borderId="8" xfId="2" applyFont="1" applyFill="1" applyBorder="1" applyAlignment="1" applyProtection="1">
      <alignment horizontal="left" vertical="center"/>
      <protection locked="0"/>
    </xf>
    <xf numFmtId="0" fontId="33" fillId="4" borderId="5" xfId="2" applyFont="1" applyFill="1" applyBorder="1" applyAlignment="1" applyProtection="1">
      <alignment horizontal="left" vertical="center"/>
      <protection locked="0"/>
    </xf>
    <xf numFmtId="0" fontId="13" fillId="4" borderId="8" xfId="2" applyFont="1" applyFill="1" applyBorder="1" applyAlignment="1" applyProtection="1">
      <alignment horizontal="left" vertical="center"/>
    </xf>
    <xf numFmtId="0" fontId="35" fillId="0" borderId="50" xfId="2" applyFont="1" applyFill="1" applyBorder="1" applyAlignment="1" applyProtection="1">
      <alignment horizontal="center" vertical="center"/>
    </xf>
    <xf numFmtId="0" fontId="35" fillId="0" borderId="51" xfId="2" applyFont="1" applyFill="1" applyBorder="1" applyAlignment="1" applyProtection="1">
      <alignment horizontal="left" vertical="center" wrapText="1" indent="1"/>
    </xf>
    <xf numFmtId="0" fontId="35" fillId="0" borderId="52" xfId="0" applyFont="1" applyBorder="1" applyAlignment="1">
      <alignment horizontal="left" vertical="center" wrapText="1" indent="1"/>
    </xf>
    <xf numFmtId="0" fontId="35" fillId="0" borderId="53" xfId="0" applyFont="1" applyBorder="1" applyAlignment="1">
      <alignment horizontal="left" vertical="center" wrapText="1" indent="1"/>
    </xf>
    <xf numFmtId="0" fontId="35" fillId="0" borderId="51" xfId="2" applyFont="1" applyFill="1" applyBorder="1" applyAlignment="1" applyProtection="1">
      <alignment horizontal="center" vertical="center" wrapText="1"/>
      <protection locked="0"/>
    </xf>
    <xf numFmtId="0" fontId="35" fillId="0" borderId="53" xfId="2" applyFont="1" applyFill="1" applyBorder="1" applyAlignment="1" applyProtection="1">
      <alignment horizontal="center" vertical="center" wrapText="1"/>
      <protection locked="0"/>
    </xf>
    <xf numFmtId="0" fontId="35" fillId="0" borderId="9" xfId="2" applyFont="1" applyFill="1" applyBorder="1" applyAlignment="1" applyProtection="1">
      <alignment horizontal="left" vertical="center" wrapText="1" indent="1"/>
    </xf>
    <xf numFmtId="0" fontId="35" fillId="0" borderId="26" xfId="2" applyFont="1" applyFill="1" applyBorder="1" applyAlignment="1" applyProtection="1">
      <alignment horizontal="center" vertical="center" wrapText="1"/>
      <protection locked="0"/>
    </xf>
    <xf numFmtId="0" fontId="35" fillId="0" borderId="19" xfId="2" applyFont="1" applyFill="1" applyBorder="1" applyAlignment="1" applyProtection="1">
      <alignment horizontal="center" vertical="center" wrapText="1"/>
      <protection locked="0"/>
    </xf>
    <xf numFmtId="0" fontId="38" fillId="4" borderId="0" xfId="2" applyFont="1" applyFill="1" applyBorder="1" applyAlignment="1" applyProtection="1">
      <alignment vertical="center"/>
    </xf>
    <xf numFmtId="0" fontId="35" fillId="0" borderId="0" xfId="0" applyFont="1" applyAlignment="1">
      <alignment vertical="center"/>
    </xf>
    <xf numFmtId="0" fontId="16" fillId="4" borderId="5" xfId="2" applyFont="1" applyFill="1" applyBorder="1" applyAlignment="1" applyProtection="1">
      <alignment horizontal="left" vertical="center"/>
      <protection locked="0"/>
    </xf>
    <xf numFmtId="0" fontId="35" fillId="0" borderId="38" xfId="2" applyFont="1" applyFill="1" applyBorder="1" applyAlignment="1" applyProtection="1">
      <alignment horizontal="center" vertical="center" wrapText="1"/>
    </xf>
    <xf numFmtId="0" fontId="35" fillId="0" borderId="40" xfId="2" applyFont="1" applyFill="1" applyBorder="1" applyAlignment="1" applyProtection="1">
      <alignment horizontal="center" vertical="center"/>
    </xf>
    <xf numFmtId="0" fontId="35" fillId="0" borderId="39" xfId="2" applyFont="1" applyFill="1" applyBorder="1" applyAlignment="1" applyProtection="1">
      <alignment horizontal="center" vertical="center"/>
    </xf>
    <xf numFmtId="0" fontId="35" fillId="0" borderId="6" xfId="2" applyFont="1" applyFill="1" applyBorder="1" applyAlignment="1" applyProtection="1">
      <alignment horizontal="center" vertical="center" wrapText="1"/>
    </xf>
    <xf numFmtId="0" fontId="35" fillId="0" borderId="14" xfId="2" applyFont="1" applyFill="1" applyBorder="1" applyAlignment="1" applyProtection="1">
      <alignment horizontal="center" vertical="center"/>
    </xf>
    <xf numFmtId="0" fontId="35" fillId="4" borderId="9" xfId="2" applyFont="1" applyFill="1" applyBorder="1" applyAlignment="1" applyProtection="1">
      <alignment horizontal="left" vertical="center" wrapText="1" indent="1"/>
    </xf>
    <xf numFmtId="0" fontId="76" fillId="0" borderId="38" xfId="2" applyFont="1" applyFill="1" applyBorder="1" applyAlignment="1" applyProtection="1">
      <alignment horizontal="center" vertical="center" wrapText="1"/>
    </xf>
    <xf numFmtId="0" fontId="35" fillId="4" borderId="56" xfId="2" applyFont="1" applyFill="1" applyBorder="1" applyAlignment="1" applyProtection="1">
      <alignment horizontal="center" vertical="center" wrapText="1"/>
      <protection locked="0"/>
    </xf>
    <xf numFmtId="0" fontId="35" fillId="4" borderId="56" xfId="2" applyFont="1" applyFill="1" applyBorder="1" applyAlignment="1" applyProtection="1">
      <alignment horizontal="center" vertical="center"/>
      <protection locked="0"/>
    </xf>
    <xf numFmtId="0" fontId="10" fillId="4" borderId="0" xfId="2" applyFont="1" applyFill="1" applyBorder="1" applyAlignment="1" applyProtection="1">
      <alignment horizontal="left" vertical="center" wrapText="1"/>
    </xf>
    <xf numFmtId="0" fontId="10" fillId="0" borderId="0" xfId="0" applyFont="1" applyAlignment="1">
      <alignment vertical="center" wrapText="1"/>
    </xf>
    <xf numFmtId="0" fontId="35" fillId="4" borderId="11" xfId="2" applyFont="1" applyFill="1" applyBorder="1" applyAlignment="1" applyProtection="1">
      <alignment horizontal="center" vertical="center"/>
    </xf>
    <xf numFmtId="0" fontId="35" fillId="4" borderId="12" xfId="2" applyFont="1" applyFill="1" applyBorder="1" applyAlignment="1" applyProtection="1">
      <alignment horizontal="center" vertical="center"/>
    </xf>
    <xf numFmtId="0" fontId="35" fillId="0" borderId="11" xfId="0" applyFont="1" applyFill="1" applyBorder="1" applyAlignment="1">
      <alignment horizontal="left" vertical="center" wrapText="1"/>
    </xf>
    <xf numFmtId="0" fontId="35" fillId="0" borderId="12" xfId="0" applyFont="1" applyFill="1" applyBorder="1" applyAlignment="1">
      <alignment horizontal="left" vertical="center" wrapText="1"/>
    </xf>
    <xf numFmtId="0" fontId="35" fillId="0" borderId="12" xfId="0" applyFont="1" applyBorder="1" applyAlignment="1">
      <alignment horizontal="left" vertical="center" wrapText="1"/>
    </xf>
    <xf numFmtId="0" fontId="35" fillId="0" borderId="10" xfId="0" applyFont="1" applyBorder="1" applyAlignment="1">
      <alignment horizontal="left" vertical="center" wrapText="1"/>
    </xf>
    <xf numFmtId="49" fontId="35" fillId="0" borderId="11" xfId="0" applyNumberFormat="1" applyFont="1" applyBorder="1" applyAlignment="1">
      <alignment horizontal="center" vertical="center"/>
    </xf>
    <xf numFmtId="49" fontId="35" fillId="0" borderId="12" xfId="0" applyNumberFormat="1" applyFont="1" applyBorder="1" applyAlignment="1">
      <alignment horizontal="center" vertical="center"/>
    </xf>
    <xf numFmtId="0" fontId="35" fillId="4" borderId="26" xfId="2" applyFont="1" applyFill="1" applyBorder="1" applyAlignment="1" applyProtection="1">
      <alignment horizontal="left" vertical="center" wrapText="1" indent="1"/>
    </xf>
    <xf numFmtId="0" fontId="35" fillId="4" borderId="7" xfId="2" applyFont="1" applyFill="1" applyBorder="1" applyAlignment="1" applyProtection="1">
      <alignment horizontal="left" vertical="center" wrapText="1" indent="1"/>
    </xf>
    <xf numFmtId="0" fontId="35" fillId="4" borderId="19" xfId="2" applyFont="1" applyFill="1" applyBorder="1" applyAlignment="1" applyProtection="1">
      <alignment horizontal="left" vertical="center" wrapText="1" indent="1"/>
    </xf>
    <xf numFmtId="0" fontId="35" fillId="4" borderId="55" xfId="2" applyFont="1" applyFill="1" applyBorder="1" applyAlignment="1" applyProtection="1">
      <alignment horizontal="center" vertical="center" wrapText="1"/>
      <protection locked="0"/>
    </xf>
    <xf numFmtId="0" fontId="35" fillId="4" borderId="55" xfId="2" applyFont="1" applyFill="1" applyBorder="1" applyAlignment="1" applyProtection="1">
      <alignment horizontal="center" vertical="center"/>
      <protection locked="0"/>
    </xf>
    <xf numFmtId="0" fontId="35" fillId="4" borderId="9" xfId="2" applyFont="1" applyFill="1" applyBorder="1" applyAlignment="1" applyProtection="1">
      <alignment horizontal="center" vertical="center"/>
    </xf>
    <xf numFmtId="0" fontId="10" fillId="4" borderId="26" xfId="2" applyFont="1" applyFill="1" applyBorder="1" applyAlignment="1" applyProtection="1">
      <alignment horizontal="left" vertical="center" wrapText="1" indent="1"/>
    </xf>
    <xf numFmtId="0" fontId="10" fillId="4" borderId="7" xfId="2" applyFont="1" applyFill="1" applyBorder="1" applyAlignment="1" applyProtection="1">
      <alignment horizontal="left" vertical="center" wrapText="1" indent="1"/>
    </xf>
    <xf numFmtId="0" fontId="10" fillId="4" borderId="19" xfId="2" applyFont="1" applyFill="1" applyBorder="1" applyAlignment="1" applyProtection="1">
      <alignment horizontal="left" vertical="center" wrapText="1" indent="1"/>
    </xf>
    <xf numFmtId="0" fontId="35" fillId="4" borderId="0" xfId="2" applyFont="1" applyFill="1" applyAlignment="1" applyProtection="1">
      <alignment vertical="center" wrapText="1"/>
    </xf>
    <xf numFmtId="0" fontId="35" fillId="0" borderId="0" xfId="0" applyFont="1" applyBorder="1" applyAlignment="1">
      <alignment vertical="center"/>
    </xf>
    <xf numFmtId="0" fontId="35" fillId="0" borderId="5" xfId="0" applyFont="1" applyBorder="1" applyAlignment="1">
      <alignment vertical="center"/>
    </xf>
    <xf numFmtId="0" fontId="35" fillId="0" borderId="38" xfId="2" applyFont="1" applyFill="1" applyBorder="1" applyAlignment="1" applyProtection="1">
      <alignment horizontal="center" vertical="center"/>
    </xf>
    <xf numFmtId="0" fontId="35" fillId="4" borderId="0" xfId="2" applyFont="1" applyFill="1" applyBorder="1" applyAlignment="1" applyProtection="1">
      <alignment horizontal="left" vertical="center" wrapText="1" indent="1"/>
    </xf>
    <xf numFmtId="0" fontId="35" fillId="4" borderId="2" xfId="2" applyFont="1" applyFill="1" applyBorder="1" applyAlignment="1" applyProtection="1">
      <alignment horizontal="left" vertical="center" wrapText="1" indent="1"/>
    </xf>
    <xf numFmtId="0" fontId="35" fillId="4" borderId="1" xfId="2" applyFont="1" applyFill="1" applyBorder="1" applyAlignment="1" applyProtection="1">
      <alignment horizontal="center" vertical="center"/>
      <protection locked="0"/>
    </xf>
    <xf numFmtId="0" fontId="35" fillId="4" borderId="2" xfId="2" applyFont="1" applyFill="1" applyBorder="1" applyAlignment="1" applyProtection="1">
      <alignment horizontal="center" vertical="center"/>
      <protection locked="0"/>
    </xf>
    <xf numFmtId="0" fontId="35" fillId="4" borderId="9" xfId="2" applyFont="1" applyFill="1" applyBorder="1" applyAlignment="1" applyProtection="1">
      <alignment horizontal="center" vertical="center"/>
      <protection locked="0"/>
    </xf>
    <xf numFmtId="178" fontId="11" fillId="0" borderId="26" xfId="2" applyNumberFormat="1" applyFont="1" applyFill="1" applyBorder="1" applyAlignment="1" applyProtection="1">
      <alignment horizontal="center" vertical="center"/>
      <protection locked="0"/>
    </xf>
    <xf numFmtId="178" fontId="35" fillId="0" borderId="19" xfId="2" applyNumberFormat="1" applyFont="1" applyFill="1" applyBorder="1" applyAlignment="1" applyProtection="1">
      <alignment horizontal="center" vertical="center"/>
      <protection locked="0"/>
    </xf>
    <xf numFmtId="0" fontId="10" fillId="0" borderId="0" xfId="2" applyFont="1" applyFill="1" applyBorder="1" applyAlignment="1" applyProtection="1">
      <alignment horizontal="left" vertical="center" wrapText="1"/>
    </xf>
    <xf numFmtId="0" fontId="10" fillId="5" borderId="40" xfId="2" applyFont="1" applyFill="1" applyBorder="1" applyAlignment="1" applyProtection="1">
      <alignment horizontal="center" vertical="center" wrapText="1"/>
    </xf>
    <xf numFmtId="0" fontId="10" fillId="5" borderId="40" xfId="2" applyFont="1" applyFill="1" applyBorder="1" applyAlignment="1" applyProtection="1">
      <alignment horizontal="center" vertical="center"/>
    </xf>
    <xf numFmtId="0" fontId="10" fillId="5" borderId="39" xfId="2" applyFont="1" applyFill="1" applyBorder="1" applyAlignment="1" applyProtection="1">
      <alignment horizontal="center" vertical="center"/>
    </xf>
    <xf numFmtId="0" fontId="10" fillId="5" borderId="38" xfId="2" applyFont="1" applyFill="1" applyBorder="1" applyAlignment="1" applyProtection="1">
      <alignment horizontal="center" vertical="center" wrapText="1"/>
    </xf>
    <xf numFmtId="0" fontId="10" fillId="5" borderId="51" xfId="2" applyFont="1" applyFill="1" applyBorder="1" applyAlignment="1" applyProtection="1">
      <alignment horizontal="left" vertical="center" indent="2"/>
    </xf>
    <xf numFmtId="0" fontId="10" fillId="5" borderId="52" xfId="2" applyFont="1" applyFill="1" applyBorder="1" applyAlignment="1" applyProtection="1">
      <alignment horizontal="left" vertical="center" indent="2"/>
    </xf>
    <xf numFmtId="0" fontId="10" fillId="5" borderId="53" xfId="2" applyFont="1" applyFill="1" applyBorder="1" applyAlignment="1" applyProtection="1">
      <alignment horizontal="left" vertical="center" indent="2"/>
    </xf>
    <xf numFmtId="0" fontId="17" fillId="5" borderId="3" xfId="2" applyFont="1" applyFill="1" applyBorder="1" applyAlignment="1" applyProtection="1">
      <alignment horizontal="center" vertical="center" wrapText="1"/>
      <protection locked="0"/>
    </xf>
    <xf numFmtId="0" fontId="17" fillId="5" borderId="4" xfId="2" applyFont="1" applyFill="1" applyBorder="1" applyAlignment="1" applyProtection="1">
      <alignment horizontal="center" vertical="center" wrapText="1"/>
      <protection locked="0"/>
    </xf>
    <xf numFmtId="0" fontId="35" fillId="5" borderId="10" xfId="2" applyFont="1" applyFill="1" applyBorder="1" applyAlignment="1" applyProtection="1">
      <alignment horizontal="left" vertical="center"/>
      <protection locked="0"/>
    </xf>
    <xf numFmtId="0" fontId="35" fillId="4" borderId="10" xfId="2" applyFont="1" applyFill="1" applyBorder="1" applyAlignment="1" applyProtection="1">
      <alignment horizontal="center" vertical="center"/>
    </xf>
    <xf numFmtId="0" fontId="47" fillId="4" borderId="11" xfId="2" applyFont="1" applyFill="1" applyBorder="1" applyAlignment="1" applyProtection="1">
      <alignment horizontal="left" vertical="center" wrapText="1"/>
    </xf>
    <xf numFmtId="0" fontId="47" fillId="4" borderId="10" xfId="2" applyFont="1" applyFill="1" applyBorder="1" applyAlignment="1" applyProtection="1">
      <alignment horizontal="left" vertical="center" wrapText="1"/>
    </xf>
    <xf numFmtId="0" fontId="52" fillId="0" borderId="11" xfId="2" applyFont="1" applyFill="1" applyBorder="1" applyAlignment="1" applyProtection="1">
      <alignment horizontal="center" vertical="center" wrapText="1"/>
    </xf>
    <xf numFmtId="0" fontId="52" fillId="0" borderId="10" xfId="2" applyFont="1" applyFill="1" applyBorder="1" applyAlignment="1" applyProtection="1">
      <alignment horizontal="center" vertical="center" wrapText="1"/>
    </xf>
    <xf numFmtId="0" fontId="86" fillId="4" borderId="26" xfId="2" applyFont="1" applyFill="1" applyBorder="1" applyAlignment="1" applyProtection="1">
      <alignment horizontal="left" vertical="center" wrapText="1"/>
    </xf>
    <xf numFmtId="0" fontId="10" fillId="4" borderId="7" xfId="2" applyFont="1" applyFill="1" applyBorder="1" applyAlignment="1" applyProtection="1">
      <alignment horizontal="left" vertical="center" wrapText="1"/>
    </xf>
    <xf numFmtId="0" fontId="10" fillId="4" borderId="19" xfId="2" applyFont="1" applyFill="1" applyBorder="1" applyAlignment="1" applyProtection="1">
      <alignment horizontal="left" vertical="center" wrapText="1"/>
    </xf>
    <xf numFmtId="0" fontId="47" fillId="4" borderId="26" xfId="2" applyFont="1" applyFill="1" applyBorder="1" applyAlignment="1" applyProtection="1">
      <alignment vertical="center" wrapText="1"/>
    </xf>
    <xf numFmtId="0" fontId="74" fillId="0" borderId="7" xfId="0" applyFont="1" applyBorder="1" applyAlignment="1">
      <alignment vertical="center" wrapText="1"/>
    </xf>
    <xf numFmtId="0" fontId="74" fillId="0" borderId="19" xfId="0" applyFont="1" applyBorder="1" applyAlignment="1">
      <alignment vertical="center" wrapText="1"/>
    </xf>
    <xf numFmtId="0" fontId="10" fillId="5" borderId="26" xfId="2" applyFont="1" applyFill="1" applyBorder="1" applyAlignment="1" applyProtection="1">
      <alignment horizontal="left" vertical="center" indent="2"/>
    </xf>
    <xf numFmtId="0" fontId="10" fillId="5" borderId="7" xfId="2" applyFont="1" applyFill="1" applyBorder="1" applyAlignment="1" applyProtection="1">
      <alignment horizontal="left" vertical="center" indent="2"/>
    </xf>
    <xf numFmtId="0" fontId="10" fillId="5" borderId="19" xfId="2" applyFont="1" applyFill="1" applyBorder="1" applyAlignment="1" applyProtection="1">
      <alignment horizontal="left" vertical="center" indent="2"/>
    </xf>
    <xf numFmtId="0" fontId="17" fillId="5" borderId="26" xfId="2" applyFont="1" applyFill="1" applyBorder="1" applyAlignment="1" applyProtection="1">
      <alignment horizontal="center" vertical="center" wrapText="1"/>
      <protection locked="0"/>
    </xf>
    <xf numFmtId="0" fontId="17" fillId="5" borderId="19" xfId="2" applyFont="1" applyFill="1" applyBorder="1" applyAlignment="1" applyProtection="1">
      <alignment horizontal="center" vertical="center" wrapText="1"/>
      <protection locked="0"/>
    </xf>
    <xf numFmtId="0" fontId="35" fillId="5" borderId="9" xfId="2" applyFont="1" applyFill="1" applyBorder="1" applyAlignment="1" applyProtection="1">
      <alignment horizontal="left" vertical="center"/>
      <protection locked="0"/>
    </xf>
    <xf numFmtId="0" fontId="10" fillId="5" borderId="5" xfId="2" applyFont="1" applyFill="1" applyBorder="1" applyAlignment="1" applyProtection="1">
      <alignment horizontal="left" vertical="center" wrapText="1" indent="1"/>
    </xf>
    <xf numFmtId="0" fontId="10" fillId="5" borderId="4" xfId="2" applyFont="1" applyFill="1" applyBorder="1" applyAlignment="1" applyProtection="1">
      <alignment horizontal="left" vertical="center" wrapText="1" indent="1"/>
    </xf>
    <xf numFmtId="0" fontId="35" fillId="5" borderId="10" xfId="2" applyFont="1" applyFill="1" applyBorder="1" applyAlignment="1" applyProtection="1">
      <alignment horizontal="center" vertical="center"/>
      <protection locked="0"/>
    </xf>
    <xf numFmtId="0" fontId="10" fillId="5" borderId="5" xfId="2" applyFont="1" applyFill="1" applyBorder="1" applyAlignment="1" applyProtection="1">
      <alignment horizontal="left" vertical="center" wrapText="1"/>
    </xf>
    <xf numFmtId="0" fontId="10" fillId="5" borderId="6" xfId="2" applyFont="1" applyFill="1" applyBorder="1" applyAlignment="1" applyProtection="1">
      <alignment horizontal="center" vertical="center" wrapText="1"/>
    </xf>
    <xf numFmtId="0" fontId="10" fillId="5" borderId="8" xfId="2" applyFont="1" applyFill="1" applyBorder="1" applyAlignment="1" applyProtection="1">
      <alignment horizontal="center" vertical="center" wrapText="1"/>
    </xf>
    <xf numFmtId="0" fontId="10" fillId="5" borderId="14" xfId="2" applyFont="1" applyFill="1" applyBorder="1" applyAlignment="1" applyProtection="1">
      <alignment horizontal="center" vertical="center" wrapText="1"/>
    </xf>
    <xf numFmtId="0" fontId="10" fillId="5" borderId="57" xfId="2" applyFont="1" applyFill="1" applyBorder="1" applyAlignment="1" applyProtection="1">
      <alignment horizontal="center" vertical="center" wrapText="1"/>
    </xf>
    <xf numFmtId="0" fontId="10" fillId="5" borderId="47" xfId="2" applyFont="1" applyFill="1" applyBorder="1" applyAlignment="1" applyProtection="1">
      <alignment horizontal="center" vertical="center" wrapText="1"/>
    </xf>
    <xf numFmtId="0" fontId="10" fillId="5" borderId="58" xfId="2" applyFont="1" applyFill="1" applyBorder="1" applyAlignment="1" applyProtection="1">
      <alignment horizontal="center" vertical="center" wrapText="1"/>
    </xf>
    <xf numFmtId="0" fontId="17" fillId="5" borderId="6" xfId="2" applyFont="1" applyFill="1" applyBorder="1" applyAlignment="1" applyProtection="1">
      <alignment horizontal="center" vertical="center" wrapText="1"/>
    </xf>
    <xf numFmtId="0" fontId="17" fillId="5" borderId="14" xfId="2" applyFont="1" applyFill="1" applyBorder="1" applyAlignment="1" applyProtection="1">
      <alignment horizontal="center" vertical="center" wrapText="1"/>
    </xf>
    <xf numFmtId="0" fontId="17" fillId="5" borderId="57" xfId="2" applyFont="1" applyFill="1" applyBorder="1" applyAlignment="1" applyProtection="1">
      <alignment horizontal="center" vertical="center" wrapText="1"/>
    </xf>
    <xf numFmtId="0" fontId="17" fillId="5" borderId="58" xfId="2" applyFont="1" applyFill="1" applyBorder="1" applyAlignment="1" applyProtection="1">
      <alignment horizontal="center" vertical="center" wrapText="1"/>
    </xf>
    <xf numFmtId="0" fontId="10" fillId="5" borderId="11" xfId="2" applyFont="1" applyFill="1" applyBorder="1" applyAlignment="1" applyProtection="1">
      <alignment horizontal="center" vertical="center" wrapText="1"/>
    </xf>
    <xf numFmtId="0" fontId="10" fillId="5" borderId="59" xfId="2" applyFont="1" applyFill="1" applyBorder="1" applyAlignment="1" applyProtection="1">
      <alignment horizontal="center" vertical="center"/>
    </xf>
    <xf numFmtId="0" fontId="10" fillId="5" borderId="9" xfId="2" applyFont="1" applyFill="1" applyBorder="1" applyAlignment="1" applyProtection="1">
      <alignment horizontal="center" vertical="center" wrapText="1"/>
    </xf>
    <xf numFmtId="0" fontId="10" fillId="5" borderId="49" xfId="2" applyFont="1" applyFill="1" applyBorder="1" applyAlignment="1" applyProtection="1">
      <alignment horizontal="center" vertical="center" wrapText="1"/>
    </xf>
    <xf numFmtId="0" fontId="35" fillId="0" borderId="41" xfId="0" applyFont="1" applyBorder="1" applyAlignment="1">
      <alignment horizontal="left" vertical="center" wrapText="1"/>
    </xf>
    <xf numFmtId="0" fontId="10" fillId="0" borderId="43" xfId="0" applyFont="1" applyBorder="1" applyAlignment="1">
      <alignment horizontal="left" vertical="center" wrapText="1"/>
    </xf>
    <xf numFmtId="0" fontId="10" fillId="0" borderId="44" xfId="0" applyFont="1" applyBorder="1" applyAlignment="1">
      <alignment horizontal="left" vertical="center" wrapText="1"/>
    </xf>
    <xf numFmtId="0" fontId="10" fillId="0" borderId="45" xfId="0" applyFont="1" applyBorder="1" applyAlignment="1">
      <alignment horizontal="left" vertical="center" wrapText="1"/>
    </xf>
    <xf numFmtId="0" fontId="10" fillId="0" borderId="46" xfId="0" applyFont="1" applyBorder="1" applyAlignment="1">
      <alignment horizontal="left" vertical="center" wrapText="1"/>
    </xf>
    <xf numFmtId="0" fontId="10" fillId="0" borderId="48" xfId="0" applyFont="1" applyBorder="1" applyAlignment="1">
      <alignment horizontal="left" vertical="center" wrapText="1"/>
    </xf>
    <xf numFmtId="0" fontId="35" fillId="0" borderId="63" xfId="0" applyFont="1" applyBorder="1" applyAlignment="1">
      <alignment horizontal="left" vertical="center" wrapText="1"/>
    </xf>
    <xf numFmtId="0" fontId="10" fillId="0" borderId="64" xfId="0" applyFont="1" applyBorder="1" applyAlignment="1">
      <alignment horizontal="left" vertical="center" wrapText="1"/>
    </xf>
    <xf numFmtId="0" fontId="10" fillId="0" borderId="65" xfId="0" applyFont="1" applyBorder="1" applyAlignment="1">
      <alignment horizontal="left" vertical="center" wrapText="1"/>
    </xf>
    <xf numFmtId="0" fontId="34" fillId="0" borderId="43" xfId="0" applyFont="1" applyBorder="1" applyAlignment="1">
      <alignment horizontal="left" vertical="center" wrapText="1"/>
    </xf>
    <xf numFmtId="0" fontId="34" fillId="0" borderId="46" xfId="0" applyFont="1" applyBorder="1" applyAlignment="1">
      <alignment horizontal="left" vertical="center" wrapText="1"/>
    </xf>
    <xf numFmtId="0" fontId="34" fillId="0" borderId="48" xfId="0" applyFont="1" applyBorder="1" applyAlignment="1">
      <alignment horizontal="left" vertical="center" wrapText="1"/>
    </xf>
    <xf numFmtId="0" fontId="35" fillId="4" borderId="0" xfId="2" applyFont="1" applyFill="1" applyAlignment="1" applyProtection="1">
      <alignment horizontal="left" vertical="center"/>
      <protection locked="0"/>
    </xf>
    <xf numFmtId="0" fontId="35" fillId="4" borderId="5" xfId="2" applyFont="1" applyFill="1" applyBorder="1" applyAlignment="1" applyProtection="1">
      <alignment horizontal="left" vertical="center"/>
      <protection locked="0"/>
    </xf>
    <xf numFmtId="0" fontId="38" fillId="4" borderId="0" xfId="2" quotePrefix="1" applyFont="1" applyFill="1" applyAlignment="1">
      <alignment horizontal="center" vertical="center"/>
    </xf>
    <xf numFmtId="0" fontId="15" fillId="6" borderId="60" xfId="0" applyFont="1" applyFill="1" applyBorder="1" applyAlignment="1">
      <alignment horizontal="center" vertical="center"/>
    </xf>
    <xf numFmtId="0" fontId="15" fillId="6" borderId="61" xfId="0" applyFont="1" applyFill="1" applyBorder="1" applyAlignment="1">
      <alignment horizontal="center" vertical="center"/>
    </xf>
    <xf numFmtId="0" fontId="35" fillId="6" borderId="41" xfId="0" applyFont="1" applyFill="1" applyBorder="1" applyAlignment="1">
      <alignment horizontal="center" vertical="center" wrapText="1"/>
    </xf>
    <xf numFmtId="0" fontId="10" fillId="0" borderId="42" xfId="0" applyFont="1" applyBorder="1" applyAlignment="1">
      <alignment horizontal="center" vertical="center" wrapText="1"/>
    </xf>
    <xf numFmtId="0" fontId="10" fillId="0" borderId="46" xfId="0" applyFont="1" applyBorder="1" applyAlignment="1">
      <alignment horizontal="center" vertical="center" wrapText="1"/>
    </xf>
    <xf numFmtId="0" fontId="10" fillId="0" borderId="47" xfId="0" applyFont="1" applyBorder="1" applyAlignment="1">
      <alignment horizontal="center" vertical="center" wrapText="1"/>
    </xf>
    <xf numFmtId="0" fontId="10" fillId="0" borderId="43" xfId="0" applyFont="1" applyBorder="1" applyAlignment="1">
      <alignment horizontal="center" vertical="center" wrapText="1"/>
    </xf>
    <xf numFmtId="0" fontId="35" fillId="6" borderId="46" xfId="0" applyFont="1" applyFill="1" applyBorder="1" applyAlignment="1">
      <alignment horizontal="center" vertical="center" wrapText="1"/>
    </xf>
    <xf numFmtId="0" fontId="10" fillId="0" borderId="48" xfId="0" applyFont="1" applyBorder="1" applyAlignment="1">
      <alignment horizontal="center" vertical="center" wrapText="1"/>
    </xf>
    <xf numFmtId="0" fontId="35" fillId="6" borderId="60" xfId="0" applyFont="1" applyFill="1" applyBorder="1" applyAlignment="1">
      <alignment horizontal="center" vertical="center"/>
    </xf>
    <xf numFmtId="0" fontId="35" fillId="6" borderId="62" xfId="0" applyFont="1" applyFill="1" applyBorder="1" applyAlignment="1">
      <alignment horizontal="center" vertical="center"/>
    </xf>
    <xf numFmtId="0" fontId="35" fillId="0" borderId="46" xfId="0" applyFont="1" applyBorder="1" applyAlignment="1">
      <alignment horizontal="left" vertical="center" wrapText="1"/>
    </xf>
    <xf numFmtId="0" fontId="34" fillId="0" borderId="44" xfId="0" applyFont="1" applyBorder="1" applyAlignment="1">
      <alignment horizontal="left" vertical="center" wrapText="1"/>
    </xf>
    <xf numFmtId="0" fontId="34" fillId="0" borderId="45" xfId="0" applyFont="1" applyBorder="1" applyAlignment="1">
      <alignment horizontal="left" vertical="center" wrapText="1"/>
    </xf>
    <xf numFmtId="0" fontId="10" fillId="0" borderId="42" xfId="0" applyFont="1" applyBorder="1" applyAlignment="1">
      <alignment horizontal="left" vertical="center" wrapText="1"/>
    </xf>
    <xf numFmtId="0" fontId="10" fillId="0" borderId="47" xfId="0" applyFont="1" applyBorder="1" applyAlignment="1">
      <alignment horizontal="left" vertical="center" wrapText="1"/>
    </xf>
    <xf numFmtId="0" fontId="35" fillId="0" borderId="65" xfId="0" applyFont="1" applyBorder="1" applyAlignment="1">
      <alignment horizontal="left" vertical="center" wrapText="1"/>
    </xf>
    <xf numFmtId="0" fontId="35" fillId="0" borderId="64" xfId="0" applyFont="1" applyBorder="1" applyAlignment="1">
      <alignment horizontal="left" vertical="center" wrapText="1"/>
    </xf>
    <xf numFmtId="0" fontId="33" fillId="0" borderId="65" xfId="0" applyFont="1" applyBorder="1" applyAlignment="1">
      <alignment horizontal="left" vertical="center" wrapText="1"/>
    </xf>
    <xf numFmtId="0" fontId="10" fillId="0" borderId="63" xfId="0" applyFont="1" applyBorder="1" applyAlignment="1">
      <alignment horizontal="left" vertical="center" wrapText="1"/>
    </xf>
    <xf numFmtId="0" fontId="35" fillId="0" borderId="63" xfId="0" applyFont="1" applyBorder="1" applyAlignment="1">
      <alignment horizontal="left" vertical="center"/>
    </xf>
    <xf numFmtId="0" fontId="10" fillId="0" borderId="64" xfId="0" applyFont="1" applyBorder="1" applyAlignment="1">
      <alignment horizontal="left" vertical="center"/>
    </xf>
    <xf numFmtId="0" fontId="10" fillId="0" borderId="65" xfId="0" applyFont="1" applyBorder="1" applyAlignment="1">
      <alignment horizontal="left" vertical="center"/>
    </xf>
    <xf numFmtId="0" fontId="35" fillId="0" borderId="63" xfId="0" applyFont="1" applyBorder="1" applyAlignment="1">
      <alignment horizontal="center" vertical="center" wrapText="1"/>
    </xf>
    <xf numFmtId="0" fontId="10" fillId="0" borderId="65" xfId="0" applyFont="1" applyBorder="1" applyAlignment="1">
      <alignment vertical="center" wrapText="1"/>
    </xf>
    <xf numFmtId="0" fontId="35" fillId="7" borderId="63" xfId="0" applyFont="1" applyFill="1" applyBorder="1" applyAlignment="1">
      <alignment horizontal="left" vertical="center" wrapText="1"/>
    </xf>
    <xf numFmtId="0" fontId="34" fillId="0" borderId="65" xfId="0" applyFont="1" applyBorder="1" applyAlignment="1">
      <alignment vertical="center" wrapText="1"/>
    </xf>
    <xf numFmtId="0" fontId="35" fillId="0" borderId="15" xfId="11" applyFont="1" applyBorder="1" applyAlignment="1">
      <alignment horizontal="center" vertical="center" wrapText="1"/>
    </xf>
    <xf numFmtId="0" fontId="35" fillId="0" borderId="16" xfId="11" applyFont="1" applyBorder="1" applyAlignment="1">
      <alignment horizontal="center" vertical="center" wrapText="1"/>
    </xf>
    <xf numFmtId="0" fontId="35" fillId="0" borderId="17" xfId="11" applyFont="1" applyBorder="1" applyAlignment="1">
      <alignment horizontal="center" vertical="center" wrapText="1"/>
    </xf>
    <xf numFmtId="0" fontId="35" fillId="0" borderId="11" xfId="0" applyFont="1" applyBorder="1" applyAlignment="1">
      <alignment horizontal="center" vertical="center" wrapText="1"/>
    </xf>
    <xf numFmtId="0" fontId="35" fillId="0" borderId="10" xfId="0" applyFont="1" applyBorder="1" applyAlignment="1">
      <alignment horizontal="center" vertical="center" wrapText="1"/>
    </xf>
    <xf numFmtId="177" fontId="35" fillId="0" borderId="11" xfId="0" applyNumberFormat="1" applyFont="1" applyFill="1" applyBorder="1" applyAlignment="1">
      <alignment horizontal="center" vertical="center"/>
    </xf>
    <xf numFmtId="0" fontId="35" fillId="0" borderId="11" xfId="0" applyFont="1" applyBorder="1" applyAlignment="1">
      <alignment vertical="center" wrapText="1"/>
    </xf>
    <xf numFmtId="0" fontId="35" fillId="0" borderId="10" xfId="0" applyFont="1" applyBorder="1" applyAlignment="1">
      <alignment vertical="center" wrapText="1"/>
    </xf>
    <xf numFmtId="0" fontId="35" fillId="0" borderId="8" xfId="0" applyFont="1" applyBorder="1" applyAlignment="1">
      <alignment vertical="center" wrapText="1"/>
    </xf>
    <xf numFmtId="0" fontId="35" fillId="0" borderId="8" xfId="0" applyFont="1" applyBorder="1" applyAlignment="1">
      <alignment vertical="center"/>
    </xf>
    <xf numFmtId="0" fontId="40" fillId="2" borderId="11" xfId="0" applyFont="1" applyFill="1" applyBorder="1" applyAlignment="1">
      <alignment horizontal="center" vertical="center" wrapText="1"/>
    </xf>
    <xf numFmtId="0" fontId="94" fillId="0" borderId="12" xfId="0" applyFont="1" applyBorder="1" applyAlignment="1">
      <alignment horizontal="center" vertical="center"/>
    </xf>
    <xf numFmtId="0" fontId="94" fillId="0" borderId="10" xfId="0" applyFont="1" applyBorder="1" applyAlignment="1">
      <alignment horizontal="center" vertical="center"/>
    </xf>
    <xf numFmtId="0" fontId="35" fillId="0" borderId="9" xfId="0" applyFont="1" applyBorder="1" applyAlignment="1">
      <alignment horizontal="center" vertical="center" wrapText="1"/>
    </xf>
    <xf numFmtId="177" fontId="35" fillId="0" borderId="6" xfId="0" applyNumberFormat="1" applyFont="1" applyFill="1" applyBorder="1" applyAlignment="1">
      <alignment horizontal="center" vertical="center"/>
    </xf>
    <xf numFmtId="0" fontId="35" fillId="0" borderId="3" xfId="0" applyFont="1" applyBorder="1" applyAlignment="1">
      <alignment horizontal="center" vertical="center"/>
    </xf>
    <xf numFmtId="0" fontId="35" fillId="0" borderId="9" xfId="0" applyFont="1" applyBorder="1" applyAlignment="1">
      <alignment vertical="center"/>
    </xf>
    <xf numFmtId="177" fontId="35" fillId="0" borderId="10" xfId="0" applyNumberFormat="1" applyFont="1" applyFill="1" applyBorder="1" applyAlignment="1">
      <alignment horizontal="center" vertical="center"/>
    </xf>
    <xf numFmtId="0" fontId="11" fillId="0" borderId="11" xfId="0" applyFont="1" applyBorder="1" applyAlignment="1">
      <alignment horizontal="left" vertical="center"/>
    </xf>
    <xf numFmtId="0" fontId="11" fillId="0" borderId="10" xfId="0" applyFont="1" applyBorder="1" applyAlignment="1">
      <alignment horizontal="left" vertical="center"/>
    </xf>
    <xf numFmtId="0" fontId="10" fillId="4" borderId="8" xfId="2" applyFont="1" applyFill="1" applyBorder="1" applyAlignment="1" applyProtection="1">
      <alignment horizontal="left" vertical="center" wrapText="1"/>
    </xf>
    <xf numFmtId="0" fontId="34" fillId="0" borderId="8" xfId="0" applyFont="1" applyBorder="1" applyAlignment="1">
      <alignment vertical="center" wrapText="1"/>
    </xf>
    <xf numFmtId="0" fontId="34" fillId="0" borderId="14" xfId="0" applyFont="1" applyBorder="1" applyAlignment="1">
      <alignment vertical="center" wrapText="1"/>
    </xf>
    <xf numFmtId="0" fontId="34" fillId="0" borderId="0" xfId="0" applyFont="1" applyBorder="1" applyAlignment="1">
      <alignment vertical="center" wrapText="1"/>
    </xf>
    <xf numFmtId="0" fontId="34" fillId="0" borderId="2" xfId="0" applyFont="1" applyBorder="1" applyAlignment="1">
      <alignment vertical="center" wrapText="1"/>
    </xf>
    <xf numFmtId="0" fontId="36" fillId="0" borderId="0" xfId="0" applyFont="1" applyAlignment="1">
      <alignment vertical="center"/>
    </xf>
    <xf numFmtId="0" fontId="76" fillId="0" borderId="11" xfId="0" applyFont="1" applyBorder="1" applyAlignment="1">
      <alignment vertical="center" wrapText="1"/>
    </xf>
    <xf numFmtId="0" fontId="60" fillId="0" borderId="9" xfId="0" applyFont="1" applyFill="1" applyBorder="1" applyAlignment="1" applyProtection="1">
      <alignment horizontal="center" vertical="center"/>
      <protection locked="0"/>
    </xf>
    <xf numFmtId="0" fontId="10" fillId="3" borderId="11" xfId="0" applyFont="1" applyFill="1" applyBorder="1" applyAlignment="1">
      <alignment horizontal="center" vertical="center" wrapText="1"/>
    </xf>
    <xf numFmtId="0" fontId="10" fillId="3" borderId="71" xfId="0" applyFont="1" applyFill="1" applyBorder="1" applyAlignment="1">
      <alignment horizontal="center" vertical="center" wrapText="1"/>
    </xf>
    <xf numFmtId="0" fontId="34" fillId="0" borderId="6" xfId="0" applyFont="1" applyFill="1" applyBorder="1" applyAlignment="1">
      <alignment horizontal="left" vertical="center" wrapText="1"/>
    </xf>
    <xf numFmtId="0" fontId="34" fillId="0" borderId="1" xfId="0" applyFont="1" applyBorder="1" applyAlignment="1">
      <alignment vertical="center" wrapText="1"/>
    </xf>
  </cellXfs>
  <cellStyles count="14">
    <cellStyle name="Arial 9" xfId="7"/>
    <cellStyle name="標準" xfId="0" builtinId="0"/>
    <cellStyle name="標準 2" xfId="1"/>
    <cellStyle name="標準 2 2" xfId="9"/>
    <cellStyle name="標準 3" xfId="2"/>
    <cellStyle name="標準 4" xfId="4"/>
    <cellStyle name="標準 5" xfId="5"/>
    <cellStyle name="標準 6" xfId="6"/>
    <cellStyle name="標準 6 2" xfId="8"/>
    <cellStyle name="標準 6 2 2" xfId="13"/>
    <cellStyle name="標準 6 3" xfId="10"/>
    <cellStyle name="標準 6 3 2" xfId="11"/>
    <cellStyle name="標準 6 4" xfId="12"/>
    <cellStyle name="標準_sheet2.2e" xfId="3"/>
  </cellStyles>
  <dxfs count="153">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val="0"/>
        <i val="0"/>
        <color theme="1"/>
      </font>
      <fill>
        <patternFill>
          <bgColor theme="8" tint="0.79998168889431442"/>
        </patternFill>
      </fill>
    </dxf>
    <dxf>
      <font>
        <b val="0"/>
        <i val="0"/>
        <color theme="1"/>
      </font>
      <fill>
        <patternFill>
          <bgColor theme="8" tint="0.79998168889431442"/>
        </patternFill>
      </fill>
    </dxf>
    <dxf>
      <font>
        <b val="0"/>
        <i val="0"/>
        <color theme="1"/>
      </font>
      <fill>
        <patternFill>
          <bgColor theme="8" tint="0.79998168889431442"/>
        </patternFill>
      </fill>
    </dxf>
    <dxf>
      <font>
        <b val="0"/>
        <i val="0"/>
        <color theme="1"/>
      </font>
      <fill>
        <patternFill>
          <bgColor theme="8" tint="0.79998168889431442"/>
        </patternFill>
      </fill>
    </dxf>
    <dxf>
      <font>
        <b/>
        <i val="0"/>
        <color theme="0"/>
      </font>
      <fill>
        <patternFill>
          <bgColor rgb="FFFF0000"/>
        </patternFill>
      </fill>
    </dxf>
    <dxf>
      <font>
        <b/>
        <i val="0"/>
        <color theme="0"/>
      </font>
      <fill>
        <patternFill>
          <bgColor rgb="FFFF0000"/>
        </patternFill>
      </fill>
    </dxf>
    <dxf>
      <font>
        <b val="0"/>
        <i val="0"/>
        <color theme="1"/>
      </font>
      <fill>
        <patternFill>
          <bgColor theme="8" tint="0.79998168889431442"/>
        </patternFill>
      </fill>
    </dxf>
    <dxf>
      <font>
        <b val="0"/>
        <i val="0"/>
        <color theme="1"/>
      </font>
      <fill>
        <patternFill>
          <bgColor theme="8" tint="0.79998168889431442"/>
        </patternFill>
      </fill>
    </dxf>
    <dxf>
      <font>
        <b/>
        <i val="0"/>
        <color theme="0"/>
      </font>
      <fill>
        <patternFill>
          <bgColor rgb="FFFF0000"/>
        </patternFill>
      </fill>
    </dxf>
    <dxf>
      <fill>
        <patternFill>
          <bgColor theme="9" tint="0.59996337778862885"/>
        </patternFill>
      </fill>
    </dxf>
    <dxf>
      <font>
        <b/>
        <i val="0"/>
        <color theme="0"/>
      </font>
      <fill>
        <patternFill>
          <bgColor rgb="FFFF0000"/>
        </patternFill>
      </fill>
    </dxf>
    <dxf>
      <font>
        <b/>
        <i val="0"/>
        <color theme="0"/>
      </font>
      <fill>
        <patternFill>
          <bgColor rgb="FFFF0000"/>
        </patternFill>
      </fill>
    </dxf>
    <dxf>
      <font>
        <b/>
        <i val="0"/>
        <color theme="0"/>
      </font>
      <fill>
        <patternFill>
          <bgColor rgb="FFFF0000"/>
        </patternFill>
      </fill>
    </dxf>
    <dxf>
      <font>
        <b/>
        <i val="0"/>
        <color theme="0"/>
      </font>
      <fill>
        <patternFill>
          <bgColor rgb="FFFF0000"/>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i val="0"/>
        <color theme="0"/>
      </font>
      <fill>
        <patternFill>
          <bgColor rgb="FFFF0000"/>
        </patternFill>
      </fill>
    </dxf>
    <dxf>
      <font>
        <b/>
        <i val="0"/>
        <color theme="0"/>
      </font>
      <fill>
        <patternFill>
          <bgColor rgb="FFFF0000"/>
        </patternFill>
      </fill>
    </dxf>
    <dxf>
      <font>
        <b val="0"/>
        <i val="0"/>
        <color theme="1"/>
      </font>
      <fill>
        <patternFill>
          <bgColor theme="8" tint="0.79998168889431442"/>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i val="0"/>
        <color theme="0"/>
      </font>
      <fill>
        <patternFill>
          <bgColor rgb="FFFF0000"/>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val="0"/>
        <i val="0"/>
        <color theme="1"/>
      </font>
      <fill>
        <patternFill>
          <bgColor theme="8" tint="0.79998168889431442"/>
        </patternFill>
      </fill>
    </dxf>
    <dxf>
      <font>
        <b val="0"/>
        <i val="0"/>
        <color theme="1"/>
      </font>
      <fill>
        <patternFill>
          <bgColor theme="8" tint="0.79998168889431442"/>
        </patternFill>
      </fill>
    </dxf>
    <dxf>
      <font>
        <b val="0"/>
        <i val="0"/>
        <color theme="1"/>
      </font>
      <fill>
        <patternFill>
          <bgColor theme="8" tint="0.79998168889431442"/>
        </patternFill>
      </fill>
    </dxf>
    <dxf>
      <font>
        <b val="0"/>
        <i val="0"/>
        <color theme="1"/>
      </font>
      <fill>
        <patternFill>
          <bgColor theme="8" tint="0.79998168889431442"/>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val="0"/>
        <i val="0"/>
        <color theme="1"/>
      </font>
      <fill>
        <patternFill>
          <bgColor theme="8" tint="0.79998168889431442"/>
        </patternFill>
      </fill>
    </dxf>
    <dxf>
      <font>
        <b val="0"/>
        <i val="0"/>
        <color theme="1"/>
      </font>
      <fill>
        <patternFill>
          <bgColor theme="8" tint="0.79998168889431442"/>
        </patternFill>
      </fill>
    </dxf>
    <dxf>
      <font>
        <b val="0"/>
        <i val="0"/>
        <color theme="1"/>
      </font>
      <fill>
        <patternFill>
          <bgColor theme="8" tint="0.79998168889431442"/>
        </patternFill>
      </fill>
    </dxf>
    <dxf>
      <font>
        <b val="0"/>
        <i val="0"/>
        <color theme="1"/>
      </font>
      <fill>
        <patternFill>
          <bgColor theme="8" tint="0.79998168889431442"/>
        </patternFill>
      </fill>
    </dxf>
    <dxf>
      <font>
        <b val="0"/>
        <i val="0"/>
        <color theme="1"/>
      </font>
      <fill>
        <patternFill>
          <bgColor theme="8" tint="0.79998168889431442"/>
        </patternFill>
      </fill>
    </dxf>
    <dxf>
      <font>
        <b val="0"/>
        <i val="0"/>
        <color theme="1"/>
      </font>
      <fill>
        <patternFill>
          <bgColor theme="8" tint="0.79998168889431442"/>
        </patternFill>
      </fill>
    </dxf>
    <dxf>
      <font>
        <b val="0"/>
        <i val="0"/>
        <color theme="1"/>
      </font>
      <fill>
        <patternFill>
          <bgColor theme="8" tint="0.79998168889431442"/>
        </patternFill>
      </fill>
    </dxf>
    <dxf>
      <font>
        <b val="0"/>
        <i val="0"/>
        <color theme="1"/>
      </font>
      <fill>
        <patternFill>
          <bgColor theme="8" tint="0.79998168889431442"/>
        </patternFill>
      </fill>
    </dxf>
    <dxf>
      <font>
        <b/>
        <i val="0"/>
        <color theme="0"/>
      </font>
      <fill>
        <patternFill>
          <bgColor rgb="FFFF0000"/>
        </patternFill>
      </fill>
    </dxf>
    <dxf>
      <font>
        <b/>
        <i val="0"/>
        <color theme="0"/>
      </font>
      <fill>
        <patternFill>
          <bgColor rgb="FFFF0000"/>
        </patternFill>
      </fill>
    </dxf>
    <dxf>
      <font>
        <b/>
        <i val="0"/>
        <color theme="0"/>
      </font>
      <fill>
        <patternFill>
          <bgColor rgb="FFFF0000"/>
        </patternFill>
      </fill>
    </dxf>
    <dxf>
      <font>
        <b/>
        <i val="0"/>
        <color theme="0"/>
      </font>
      <fill>
        <patternFill>
          <bgColor rgb="FFFF0000"/>
        </patternFill>
      </fill>
    </dxf>
    <dxf>
      <font>
        <b/>
        <i val="0"/>
        <color theme="0"/>
      </font>
      <fill>
        <patternFill>
          <bgColor rgb="FFFF0000"/>
        </patternFill>
      </fill>
    </dxf>
    <dxf>
      <font>
        <b/>
        <i val="0"/>
        <color theme="0"/>
      </font>
      <fill>
        <patternFill>
          <bgColor rgb="FFFF0000"/>
        </patternFill>
      </fill>
    </dxf>
    <dxf>
      <font>
        <b/>
        <i val="0"/>
        <color theme="0"/>
      </font>
      <fill>
        <patternFill>
          <bgColor rgb="FFFF0000"/>
        </patternFill>
      </fill>
    </dxf>
    <dxf>
      <font>
        <b/>
        <i val="0"/>
        <color theme="0"/>
      </font>
      <fill>
        <patternFill>
          <bgColor rgb="FFFF0000"/>
        </patternFill>
      </fill>
    </dxf>
    <dxf>
      <font>
        <b/>
        <i val="0"/>
        <color theme="0"/>
      </font>
      <fill>
        <patternFill>
          <bgColor rgb="FFFF0000"/>
        </patternFill>
      </fill>
    </dxf>
    <dxf>
      <font>
        <b/>
        <i val="0"/>
        <color theme="0"/>
      </font>
      <fill>
        <patternFill>
          <bgColor rgb="FFFF0000"/>
        </patternFill>
      </fill>
    </dxf>
    <dxf>
      <font>
        <b/>
        <i val="0"/>
        <color theme="0"/>
      </font>
      <fill>
        <patternFill>
          <bgColor rgb="FFFF0000"/>
        </patternFill>
      </fill>
    </dxf>
    <dxf>
      <font>
        <b/>
        <i val="0"/>
        <color theme="0"/>
      </font>
      <fill>
        <patternFill>
          <bgColor rgb="FFFF0000"/>
        </patternFill>
      </fill>
    </dxf>
    <dxf>
      <font>
        <b/>
        <i val="0"/>
        <color theme="0"/>
      </font>
      <fill>
        <patternFill>
          <bgColor rgb="FFFF0000"/>
        </patternFill>
      </fill>
    </dxf>
    <dxf>
      <font>
        <b/>
        <i val="0"/>
        <color theme="0"/>
      </font>
      <fill>
        <patternFill>
          <bgColor rgb="FFFF0000"/>
        </patternFill>
      </fill>
    </dxf>
    <dxf>
      <font>
        <b/>
        <i val="0"/>
        <color theme="0"/>
      </font>
      <fill>
        <patternFill>
          <bgColor rgb="FFFF0000"/>
        </patternFill>
      </fill>
    </dxf>
    <dxf>
      <font>
        <b/>
        <i val="0"/>
        <color theme="0"/>
      </font>
      <fill>
        <patternFill>
          <bgColor rgb="FFFF0000"/>
        </patternFill>
      </fill>
    </dxf>
    <dxf>
      <font>
        <b/>
        <i val="0"/>
        <color theme="0"/>
      </font>
      <fill>
        <patternFill>
          <bgColor rgb="FFFF0000"/>
        </patternFill>
      </fill>
    </dxf>
    <dxf>
      <font>
        <b/>
        <i val="0"/>
        <color theme="0"/>
      </font>
      <fill>
        <patternFill>
          <bgColor rgb="FFFF0000"/>
        </patternFill>
      </fill>
    </dxf>
    <dxf>
      <font>
        <b/>
        <i val="0"/>
        <color theme="0"/>
      </font>
      <fill>
        <patternFill>
          <bgColor rgb="FFFF0000"/>
        </patternFill>
      </fill>
    </dxf>
    <dxf>
      <font>
        <b/>
        <i val="0"/>
        <color theme="0"/>
      </font>
      <fill>
        <patternFill>
          <bgColor rgb="FFFF0000"/>
        </patternFill>
      </fill>
    </dxf>
    <dxf>
      <font>
        <b/>
        <i val="0"/>
        <color theme="0"/>
      </font>
      <fill>
        <patternFill>
          <bgColor rgb="FFFF0000"/>
        </patternFill>
      </fill>
    </dxf>
    <dxf>
      <font>
        <b/>
        <i val="0"/>
        <color theme="0"/>
      </font>
      <fill>
        <patternFill patternType="solid">
          <fgColor rgb="FFFF0000"/>
          <bgColor rgb="FFFF0000"/>
        </patternFill>
      </fill>
    </dxf>
    <dxf>
      <font>
        <b/>
        <i val="0"/>
        <color theme="0"/>
      </font>
      <fill>
        <patternFill>
          <bgColor rgb="FFFF0000"/>
        </patternFill>
      </fill>
    </dxf>
  </dxfs>
  <tableStyles count="0" defaultTableStyle="TableStyleMedium9" defaultPivotStyle="PivotStyleLight16"/>
  <colors>
    <mruColors>
      <color rgb="FFFFFFCC"/>
      <color rgb="FF0000FF"/>
      <color rgb="FFFFCC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theme" Target="theme/theme1.xml"/><Relationship Id="rId5" Type="http://schemas.openxmlformats.org/officeDocument/2006/relationships/worksheet" Target="worksheets/sheet5.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calcChain" Target="calcChain.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ユーザー定義 1">
      <a:majorFont>
        <a:latin typeface="Cambria"/>
        <a:ea typeface="ＭＳ Ｐゴシック"/>
        <a:cs typeface=""/>
      </a:majorFont>
      <a:minorFont>
        <a:latin typeface="Arial"/>
        <a:ea typeface="ＭＳ Ｐゴシック"/>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Q54"/>
  <sheetViews>
    <sheetView view="pageBreakPreview" zoomScale="90" zoomScaleNormal="100" zoomScaleSheetLayoutView="90" workbookViewId="0"/>
  </sheetViews>
  <sheetFormatPr defaultColWidth="9.140625" defaultRowHeight="15" customHeight="1" x14ac:dyDescent="0.2"/>
  <cols>
    <col min="1" max="1" width="3.7109375" style="275" customWidth="1"/>
    <col min="2" max="2" width="3.7109375" style="279" customWidth="1"/>
    <col min="3" max="3" width="3.7109375" style="275" customWidth="1"/>
    <col min="4" max="11" width="9.140625" style="275"/>
    <col min="12" max="12" width="4.28515625" style="275" customWidth="1"/>
    <col min="13" max="13" width="16.28515625" style="275" customWidth="1"/>
    <col min="14" max="14" width="3.7109375" style="275" customWidth="1"/>
    <col min="15" max="16384" width="9.140625" style="275"/>
  </cols>
  <sheetData>
    <row r="1" spans="2:14" ht="15" customHeight="1" x14ac:dyDescent="0.2">
      <c r="B1" s="275"/>
      <c r="K1" s="732" t="s">
        <v>511</v>
      </c>
      <c r="L1" s="732"/>
      <c r="M1" s="732"/>
    </row>
    <row r="2" spans="2:14" ht="15" customHeight="1" x14ac:dyDescent="0.2">
      <c r="B2" s="275"/>
    </row>
    <row r="3" spans="2:14" ht="15" customHeight="1" x14ac:dyDescent="0.2">
      <c r="B3" s="733" t="s">
        <v>1159</v>
      </c>
      <c r="C3" s="734"/>
      <c r="D3" s="734"/>
      <c r="E3" s="734"/>
      <c r="F3" s="734"/>
      <c r="G3" s="734"/>
      <c r="H3" s="734"/>
      <c r="I3" s="734"/>
      <c r="J3" s="734"/>
      <c r="K3" s="734"/>
      <c r="L3" s="734"/>
      <c r="M3" s="734"/>
      <c r="N3" s="734"/>
    </row>
    <row r="4" spans="2:14" ht="15" customHeight="1" x14ac:dyDescent="0.2">
      <c r="B4" s="734"/>
      <c r="C4" s="734"/>
      <c r="D4" s="734"/>
      <c r="E4" s="734"/>
      <c r="F4" s="734"/>
      <c r="G4" s="734"/>
      <c r="H4" s="734"/>
      <c r="I4" s="734"/>
      <c r="J4" s="734"/>
      <c r="K4" s="734"/>
      <c r="L4" s="734"/>
      <c r="M4" s="734"/>
      <c r="N4" s="734"/>
    </row>
    <row r="5" spans="2:14" ht="15" customHeight="1" x14ac:dyDescent="0.2">
      <c r="B5" s="735"/>
      <c r="C5" s="736"/>
      <c r="D5" s="736"/>
      <c r="E5" s="736"/>
      <c r="F5" s="736"/>
      <c r="G5" s="736"/>
      <c r="H5" s="736"/>
      <c r="I5" s="736"/>
      <c r="J5" s="736"/>
      <c r="K5" s="736"/>
      <c r="L5" s="736"/>
      <c r="M5" s="736"/>
    </row>
    <row r="6" spans="2:14" ht="15" customHeight="1" x14ac:dyDescent="0.2">
      <c r="B6" s="737" t="s">
        <v>1190</v>
      </c>
      <c r="C6" s="737"/>
      <c r="D6" s="737"/>
      <c r="E6" s="737"/>
      <c r="F6" s="737"/>
      <c r="G6" s="737"/>
      <c r="H6" s="737"/>
      <c r="I6" s="737"/>
      <c r="J6" s="737"/>
      <c r="K6" s="737"/>
      <c r="L6" s="737"/>
      <c r="M6" s="737"/>
    </row>
    <row r="7" spans="2:14" ht="15" customHeight="1" x14ac:dyDescent="0.2">
      <c r="B7" s="275"/>
      <c r="E7" s="276"/>
    </row>
    <row r="8" spans="2:14" ht="15" customHeight="1" x14ac:dyDescent="0.2">
      <c r="B8" s="277" t="s">
        <v>512</v>
      </c>
      <c r="C8" s="275" t="s">
        <v>513</v>
      </c>
      <c r="F8" s="278"/>
    </row>
    <row r="9" spans="2:14" ht="15" customHeight="1" x14ac:dyDescent="0.2">
      <c r="B9" s="277"/>
      <c r="F9" s="278"/>
    </row>
    <row r="10" spans="2:14" ht="15" customHeight="1" thickBot="1" x14ac:dyDescent="0.25">
      <c r="B10" s="277"/>
      <c r="C10" s="279"/>
      <c r="D10" s="280" t="s">
        <v>514</v>
      </c>
      <c r="E10" s="281"/>
      <c r="F10" s="280" t="s">
        <v>515</v>
      </c>
      <c r="G10" s="282"/>
      <c r="H10" s="282"/>
      <c r="I10" s="282"/>
      <c r="J10" s="282"/>
      <c r="K10" s="282"/>
      <c r="L10" s="281"/>
      <c r="M10" s="283" t="s">
        <v>516</v>
      </c>
    </row>
    <row r="11" spans="2:14" ht="15" customHeight="1" x14ac:dyDescent="0.2">
      <c r="B11" s="277"/>
      <c r="C11" s="279"/>
      <c r="D11" s="284" t="s">
        <v>517</v>
      </c>
      <c r="E11" s="285"/>
      <c r="F11" s="286" t="s">
        <v>518</v>
      </c>
      <c r="G11" s="287"/>
      <c r="H11" s="287"/>
      <c r="I11" s="287"/>
      <c r="J11" s="287"/>
      <c r="K11" s="287"/>
      <c r="L11" s="285"/>
      <c r="M11" s="738" t="s">
        <v>225</v>
      </c>
    </row>
    <row r="12" spans="2:14" ht="15" customHeight="1" x14ac:dyDescent="0.2">
      <c r="B12" s="277"/>
      <c r="C12" s="279"/>
      <c r="D12" s="288"/>
      <c r="E12" s="289"/>
      <c r="F12" s="290" t="s">
        <v>519</v>
      </c>
      <c r="G12" s="291"/>
      <c r="H12" s="291"/>
      <c r="I12" s="291"/>
      <c r="J12" s="291"/>
      <c r="K12" s="291"/>
      <c r="L12" s="289"/>
      <c r="M12" s="739"/>
    </row>
    <row r="13" spans="2:14" ht="15" customHeight="1" x14ac:dyDescent="0.2">
      <c r="D13" s="292" t="s">
        <v>520</v>
      </c>
      <c r="E13" s="293"/>
      <c r="F13" s="294" t="s">
        <v>521</v>
      </c>
      <c r="G13" s="295"/>
      <c r="H13" s="295"/>
      <c r="I13" s="295"/>
      <c r="J13" s="295"/>
      <c r="K13" s="295"/>
      <c r="L13" s="293"/>
      <c r="M13" s="740" t="s">
        <v>224</v>
      </c>
    </row>
    <row r="14" spans="2:14" ht="15" customHeight="1" x14ac:dyDescent="0.2">
      <c r="D14" s="284"/>
      <c r="E14" s="285"/>
      <c r="F14" s="286" t="s">
        <v>522</v>
      </c>
      <c r="G14" s="287"/>
      <c r="H14" s="287"/>
      <c r="I14" s="287"/>
      <c r="J14" s="287"/>
      <c r="K14" s="287"/>
      <c r="L14" s="285"/>
      <c r="M14" s="741"/>
    </row>
    <row r="15" spans="2:14" ht="15" customHeight="1" x14ac:dyDescent="0.2">
      <c r="D15" s="288"/>
      <c r="E15" s="289"/>
      <c r="F15" s="290" t="s">
        <v>523</v>
      </c>
      <c r="G15" s="291"/>
      <c r="H15" s="291"/>
      <c r="I15" s="291"/>
      <c r="J15" s="291"/>
      <c r="K15" s="291"/>
      <c r="L15" s="289"/>
      <c r="M15" s="742"/>
    </row>
    <row r="16" spans="2:14" ht="26.1" customHeight="1" x14ac:dyDescent="0.2">
      <c r="B16" s="277"/>
      <c r="C16" s="279"/>
      <c r="D16" s="296" t="s">
        <v>524</v>
      </c>
      <c r="E16" s="297"/>
      <c r="F16" s="298" t="s">
        <v>525</v>
      </c>
      <c r="G16" s="299"/>
      <c r="H16" s="299"/>
      <c r="I16" s="299"/>
      <c r="J16" s="299"/>
      <c r="K16" s="299"/>
      <c r="L16" s="297"/>
      <c r="M16" s="300" t="s">
        <v>526</v>
      </c>
    </row>
    <row r="17" spans="2:17" ht="26.1" customHeight="1" x14ac:dyDescent="0.2">
      <c r="D17" s="301" t="s">
        <v>527</v>
      </c>
      <c r="E17" s="302"/>
      <c r="F17" s="290" t="s">
        <v>528</v>
      </c>
      <c r="G17" s="303"/>
      <c r="H17" s="303"/>
      <c r="I17" s="303"/>
      <c r="J17" s="303"/>
      <c r="K17" s="303"/>
      <c r="L17" s="302"/>
      <c r="M17" s="304" t="s">
        <v>1335</v>
      </c>
    </row>
    <row r="18" spans="2:17" ht="26.1" customHeight="1" x14ac:dyDescent="0.2">
      <c r="B18" s="277"/>
      <c r="C18" s="279"/>
      <c r="D18" s="296" t="s">
        <v>1342</v>
      </c>
      <c r="E18" s="297"/>
      <c r="F18" s="298" t="s">
        <v>1197</v>
      </c>
      <c r="G18" s="299"/>
      <c r="H18" s="299"/>
      <c r="I18" s="299"/>
      <c r="J18" s="299"/>
      <c r="K18" s="299"/>
      <c r="L18" s="297"/>
      <c r="M18" s="300" t="s">
        <v>529</v>
      </c>
    </row>
    <row r="19" spans="2:17" ht="26.1" customHeight="1" x14ac:dyDescent="0.2">
      <c r="B19" s="277"/>
      <c r="C19" s="279"/>
      <c r="D19" s="296" t="s">
        <v>1343</v>
      </c>
      <c r="E19" s="305"/>
      <c r="F19" s="727" t="s">
        <v>1395</v>
      </c>
      <c r="G19" s="728"/>
      <c r="H19" s="728"/>
      <c r="I19" s="728"/>
      <c r="J19" s="728"/>
      <c r="K19" s="728"/>
      <c r="L19" s="729"/>
      <c r="M19" s="300" t="s">
        <v>530</v>
      </c>
    </row>
    <row r="20" spans="2:17" ht="14.25" x14ac:dyDescent="0.2">
      <c r="B20" s="277"/>
      <c r="C20" s="279"/>
      <c r="D20" s="730" t="s">
        <v>1340</v>
      </c>
      <c r="E20" s="730"/>
      <c r="F20" s="730"/>
      <c r="G20" s="730"/>
      <c r="H20" s="730"/>
      <c r="I20" s="730"/>
      <c r="J20" s="730"/>
      <c r="K20" s="730"/>
      <c r="L20" s="730"/>
      <c r="M20" s="730"/>
    </row>
    <row r="21" spans="2:17" ht="14.25" customHeight="1" x14ac:dyDescent="0.2">
      <c r="B21" s="277"/>
      <c r="C21" s="279"/>
      <c r="D21" s="731"/>
      <c r="E21" s="731"/>
      <c r="F21" s="731"/>
      <c r="G21" s="731"/>
      <c r="H21" s="731"/>
      <c r="I21" s="731"/>
      <c r="J21" s="731"/>
      <c r="K21" s="731"/>
      <c r="L21" s="731"/>
      <c r="M21" s="731"/>
    </row>
    <row r="22" spans="2:17" ht="14.25" customHeight="1" x14ac:dyDescent="0.2">
      <c r="B22" s="277"/>
      <c r="C22" s="279"/>
      <c r="D22" s="731"/>
      <c r="E22" s="731"/>
      <c r="F22" s="731"/>
      <c r="G22" s="731"/>
      <c r="H22" s="731"/>
      <c r="I22" s="731"/>
      <c r="J22" s="731"/>
      <c r="K22" s="731"/>
      <c r="L22" s="731"/>
      <c r="M22" s="731"/>
    </row>
    <row r="23" spans="2:17" ht="14.25" customHeight="1" x14ac:dyDescent="0.2">
      <c r="B23" s="277"/>
      <c r="C23" s="279"/>
      <c r="D23" s="731"/>
      <c r="E23" s="731"/>
      <c r="F23" s="731"/>
      <c r="G23" s="731"/>
      <c r="H23" s="731"/>
      <c r="I23" s="731"/>
      <c r="J23" s="731"/>
      <c r="K23" s="731"/>
      <c r="L23" s="731"/>
      <c r="M23" s="731"/>
    </row>
    <row r="24" spans="2:17" ht="14.25" customHeight="1" x14ac:dyDescent="0.2">
      <c r="B24" s="277"/>
      <c r="C24" s="306" t="s">
        <v>1344</v>
      </c>
      <c r="D24" s="307"/>
      <c r="E24" s="307"/>
      <c r="F24" s="308"/>
      <c r="G24" s="307"/>
      <c r="H24" s="307"/>
      <c r="I24" s="307"/>
      <c r="J24" s="307"/>
      <c r="K24" s="307"/>
      <c r="L24" s="307"/>
      <c r="M24" s="309"/>
      <c r="Q24" s="276"/>
    </row>
    <row r="25" spans="2:17" ht="14.25" customHeight="1" x14ac:dyDescent="0.2">
      <c r="C25" s="276" t="s">
        <v>1345</v>
      </c>
      <c r="D25" s="310"/>
      <c r="E25" s="311"/>
      <c r="F25" s="312"/>
      <c r="G25" s="311"/>
      <c r="H25" s="311"/>
      <c r="I25" s="311"/>
      <c r="J25" s="311"/>
      <c r="K25" s="311"/>
      <c r="M25" s="313"/>
    </row>
    <row r="26" spans="2:17" ht="14.25" customHeight="1" x14ac:dyDescent="0.2">
      <c r="C26" s="275" t="s">
        <v>531</v>
      </c>
      <c r="D26" s="306"/>
      <c r="E26" s="314"/>
      <c r="F26" s="315"/>
    </row>
    <row r="27" spans="2:17" ht="15" customHeight="1" x14ac:dyDescent="0.2">
      <c r="B27" s="277"/>
      <c r="C27" s="275" t="s">
        <v>532</v>
      </c>
      <c r="F27" s="278"/>
    </row>
    <row r="28" spans="2:17" ht="15" customHeight="1" x14ac:dyDescent="0.2">
      <c r="B28" s="277"/>
    </row>
    <row r="29" spans="2:17" ht="15" customHeight="1" x14ac:dyDescent="0.2">
      <c r="B29" s="277" t="s">
        <v>1341</v>
      </c>
      <c r="C29" s="275" t="s">
        <v>1346</v>
      </c>
    </row>
    <row r="30" spans="2:17" ht="15" customHeight="1" x14ac:dyDescent="0.2">
      <c r="D30" s="275" t="s">
        <v>533</v>
      </c>
    </row>
    <row r="31" spans="2:17" ht="15" customHeight="1" x14ac:dyDescent="0.2">
      <c r="D31" s="275" t="s">
        <v>534</v>
      </c>
    </row>
    <row r="32" spans="2:17" ht="15" customHeight="1" x14ac:dyDescent="0.2">
      <c r="C32" s="275" t="s">
        <v>535</v>
      </c>
    </row>
    <row r="33" spans="2:11" ht="15" customHeight="1" x14ac:dyDescent="0.2">
      <c r="C33" s="275" t="s">
        <v>1347</v>
      </c>
    </row>
    <row r="34" spans="2:11" ht="15" customHeight="1" x14ac:dyDescent="0.2">
      <c r="C34" s="275" t="s">
        <v>536</v>
      </c>
    </row>
    <row r="35" spans="2:11" ht="15" customHeight="1" x14ac:dyDescent="0.2">
      <c r="C35" s="275" t="s">
        <v>537</v>
      </c>
    </row>
    <row r="37" spans="2:11" ht="15" customHeight="1" x14ac:dyDescent="0.2">
      <c r="B37" s="277" t="s">
        <v>538</v>
      </c>
      <c r="C37" s="316" t="s">
        <v>539</v>
      </c>
    </row>
    <row r="38" spans="2:11" ht="15" customHeight="1" x14ac:dyDescent="0.2">
      <c r="D38" s="317" t="s">
        <v>540</v>
      </c>
      <c r="E38" s="318"/>
      <c r="F38" s="319" t="s">
        <v>541</v>
      </c>
      <c r="G38" s="318" t="s">
        <v>542</v>
      </c>
      <c r="H38" s="318"/>
      <c r="I38" s="318"/>
      <c r="J38" s="318"/>
      <c r="K38" s="318"/>
    </row>
    <row r="39" spans="2:11" ht="15" customHeight="1" x14ac:dyDescent="0.2">
      <c r="D39" s="317" t="s">
        <v>1166</v>
      </c>
      <c r="E39" s="318"/>
      <c r="F39" s="319" t="s">
        <v>541</v>
      </c>
      <c r="G39" s="318" t="s">
        <v>543</v>
      </c>
      <c r="H39" s="318"/>
      <c r="I39" s="318"/>
      <c r="J39" s="318"/>
      <c r="K39" s="318"/>
    </row>
    <row r="40" spans="2:11" ht="15" customHeight="1" x14ac:dyDescent="0.2">
      <c r="D40" s="317" t="s">
        <v>544</v>
      </c>
      <c r="E40" s="318"/>
      <c r="F40" s="319" t="s">
        <v>545</v>
      </c>
      <c r="G40" s="318" t="s">
        <v>546</v>
      </c>
      <c r="H40" s="318"/>
      <c r="I40" s="318"/>
      <c r="J40" s="318"/>
      <c r="K40" s="318"/>
    </row>
    <row r="41" spans="2:11" ht="15" customHeight="1" x14ac:dyDescent="0.2">
      <c r="D41" s="317" t="s">
        <v>547</v>
      </c>
      <c r="E41" s="318"/>
      <c r="F41" s="319" t="s">
        <v>541</v>
      </c>
      <c r="G41" s="318" t="s">
        <v>548</v>
      </c>
      <c r="H41" s="318"/>
      <c r="I41" s="318"/>
      <c r="J41" s="318"/>
      <c r="K41" s="318"/>
    </row>
    <row r="42" spans="2:11" ht="15" customHeight="1" x14ac:dyDescent="0.2">
      <c r="D42" s="317"/>
      <c r="E42" s="318"/>
      <c r="F42" s="319"/>
      <c r="G42" s="318"/>
      <c r="H42" s="318"/>
      <c r="I42" s="318"/>
      <c r="J42" s="318"/>
      <c r="K42" s="318"/>
    </row>
    <row r="43" spans="2:11" ht="15" customHeight="1" x14ac:dyDescent="0.2">
      <c r="B43" s="277" t="s">
        <v>549</v>
      </c>
      <c r="C43" s="316" t="s">
        <v>1348</v>
      </c>
    </row>
    <row r="44" spans="2:11" ht="15" customHeight="1" x14ac:dyDescent="0.2">
      <c r="D44" s="317" t="s">
        <v>540</v>
      </c>
      <c r="E44" s="318"/>
      <c r="F44" s="319" t="s">
        <v>541</v>
      </c>
      <c r="G44" s="318" t="s">
        <v>542</v>
      </c>
      <c r="H44" s="318"/>
      <c r="I44" s="318"/>
      <c r="J44" s="318"/>
      <c r="K44" s="318"/>
    </row>
    <row r="45" spans="2:11" ht="15" customHeight="1" x14ac:dyDescent="0.2">
      <c r="D45" s="317" t="s">
        <v>1166</v>
      </c>
      <c r="E45" s="318"/>
      <c r="F45" s="319" t="s">
        <v>541</v>
      </c>
      <c r="G45" s="318" t="s">
        <v>550</v>
      </c>
      <c r="H45" s="318"/>
      <c r="I45" s="318"/>
      <c r="J45" s="318"/>
      <c r="K45" s="318"/>
    </row>
    <row r="46" spans="2:11" ht="15" customHeight="1" x14ac:dyDescent="0.2">
      <c r="D46" s="317" t="s">
        <v>544</v>
      </c>
      <c r="E46" s="318"/>
      <c r="F46" s="319" t="s">
        <v>541</v>
      </c>
      <c r="G46" s="318" t="s">
        <v>546</v>
      </c>
      <c r="H46" s="318"/>
      <c r="I46" s="318"/>
      <c r="J46" s="318"/>
      <c r="K46" s="318"/>
    </row>
    <row r="47" spans="2:11" ht="15" customHeight="1" x14ac:dyDescent="0.2">
      <c r="D47" s="317" t="s">
        <v>551</v>
      </c>
      <c r="E47" s="318"/>
      <c r="F47" s="319" t="s">
        <v>541</v>
      </c>
      <c r="G47" s="320" t="s">
        <v>552</v>
      </c>
      <c r="H47" s="318"/>
      <c r="I47" s="318"/>
      <c r="J47" s="318"/>
      <c r="K47" s="318"/>
    </row>
    <row r="48" spans="2:11" ht="15" customHeight="1" x14ac:dyDescent="0.2">
      <c r="D48" s="317"/>
      <c r="E48" s="318"/>
      <c r="F48" s="319"/>
      <c r="G48" s="318"/>
      <c r="H48" s="318"/>
      <c r="I48" s="318"/>
      <c r="J48" s="318"/>
      <c r="K48" s="318"/>
    </row>
    <row r="49" spans="2:3" ht="15" customHeight="1" x14ac:dyDescent="0.2">
      <c r="B49" s="277" t="s">
        <v>553</v>
      </c>
      <c r="C49" s="275" t="s">
        <v>554</v>
      </c>
    </row>
    <row r="50" spans="2:3" ht="15" customHeight="1" x14ac:dyDescent="0.2">
      <c r="B50" s="275"/>
      <c r="C50" s="275" t="s">
        <v>555</v>
      </c>
    </row>
    <row r="51" spans="2:3" ht="15" customHeight="1" x14ac:dyDescent="0.2">
      <c r="C51" s="275" t="s">
        <v>556</v>
      </c>
    </row>
    <row r="53" spans="2:3" ht="15" customHeight="1" x14ac:dyDescent="0.2">
      <c r="B53" s="277" t="s">
        <v>557</v>
      </c>
      <c r="C53" s="275" t="s">
        <v>558</v>
      </c>
    </row>
    <row r="54" spans="2:3" ht="15" customHeight="1" x14ac:dyDescent="0.2">
      <c r="C54" s="275" t="s">
        <v>559</v>
      </c>
    </row>
  </sheetData>
  <mergeCells count="8">
    <mergeCell ref="F19:L19"/>
    <mergeCell ref="D20:M23"/>
    <mergeCell ref="K1:M1"/>
    <mergeCell ref="B3:N4"/>
    <mergeCell ref="B5:M5"/>
    <mergeCell ref="B6:M6"/>
    <mergeCell ref="M11:M12"/>
    <mergeCell ref="M13:M15"/>
  </mergeCells>
  <phoneticPr fontId="9"/>
  <printOptions horizontalCentered="1"/>
  <pageMargins left="0.39370078740157483" right="0.39370078740157483" top="0.74803149606299213" bottom="0.74803149606299213" header="0.31496062992125984" footer="0.31496062992125984"/>
  <pageSetup paperSize="9" scale="90" orientation="portrait" r:id="rId1"/>
  <ignoredErrors>
    <ignoredError sqref="B29 B37 B43 B49 B53" numberStoredAsText="1"/>
  </ignoredErrors>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94"/>
  <sheetViews>
    <sheetView showGridLines="0" view="pageBreakPreview" zoomScale="90" zoomScaleNormal="85" zoomScaleSheetLayoutView="90" workbookViewId="0"/>
  </sheetViews>
  <sheetFormatPr defaultColWidth="1.5703125" defaultRowHeight="12.75" x14ac:dyDescent="0.15"/>
  <cols>
    <col min="1" max="2" width="4.140625" style="125" customWidth="1"/>
    <col min="3" max="3" width="50.7109375" style="125" customWidth="1"/>
    <col min="4" max="4" width="48.28515625" style="125" customWidth="1"/>
    <col min="5" max="5" width="8.140625" style="125" customWidth="1"/>
    <col min="6" max="16384" width="1.5703125" style="125"/>
  </cols>
  <sheetData>
    <row r="1" spans="1:4" x14ac:dyDescent="0.15">
      <c r="A1" s="126"/>
      <c r="B1" s="126"/>
      <c r="C1" s="127"/>
      <c r="D1" s="119" t="s">
        <v>135</v>
      </c>
    </row>
    <row r="2" spans="1:4" ht="15.75" x14ac:dyDescent="0.15">
      <c r="A2" s="73" t="s">
        <v>136</v>
      </c>
      <c r="B2" s="128"/>
      <c r="C2" s="127"/>
      <c r="D2" s="126"/>
    </row>
    <row r="3" spans="1:4" x14ac:dyDescent="0.15">
      <c r="A3" s="126"/>
      <c r="B3" s="126"/>
      <c r="C3" s="127"/>
      <c r="D3" s="126"/>
    </row>
    <row r="4" spans="1:4" ht="13.5" thickBot="1" x14ac:dyDescent="0.2">
      <c r="A4" s="129"/>
      <c r="B4" s="130" t="s">
        <v>185</v>
      </c>
      <c r="C4" s="131" t="s">
        <v>137</v>
      </c>
      <c r="D4" s="130" t="s">
        <v>138</v>
      </c>
    </row>
    <row r="5" spans="1:4" s="146" customFormat="1" ht="13.5" thickTop="1" x14ac:dyDescent="0.15">
      <c r="A5" s="147" t="s">
        <v>139</v>
      </c>
      <c r="B5" s="148"/>
      <c r="C5" s="149"/>
      <c r="D5" s="150"/>
    </row>
    <row r="6" spans="1:4" s="146" customFormat="1" x14ac:dyDescent="0.15">
      <c r="A6" s="151"/>
      <c r="B6" s="718">
        <v>1</v>
      </c>
      <c r="C6" s="132" t="s">
        <v>140</v>
      </c>
      <c r="D6" s="133" t="s">
        <v>130</v>
      </c>
    </row>
    <row r="7" spans="1:4" s="146" customFormat="1" x14ac:dyDescent="0.15">
      <c r="A7" s="151"/>
      <c r="B7" s="134">
        <v>2</v>
      </c>
      <c r="C7" s="135" t="s">
        <v>165</v>
      </c>
      <c r="D7" s="136" t="s">
        <v>130</v>
      </c>
    </row>
    <row r="8" spans="1:4" s="146" customFormat="1" ht="25.5" x14ac:dyDescent="0.15">
      <c r="A8" s="151"/>
      <c r="B8" s="137">
        <v>3</v>
      </c>
      <c r="C8" s="138" t="s">
        <v>166</v>
      </c>
      <c r="D8" s="136" t="s">
        <v>1306</v>
      </c>
    </row>
    <row r="9" spans="1:4" s="146" customFormat="1" x14ac:dyDescent="0.15">
      <c r="A9" s="147" t="s">
        <v>141</v>
      </c>
      <c r="B9" s="141"/>
      <c r="C9" s="142"/>
      <c r="D9" s="145"/>
    </row>
    <row r="10" spans="1:4" s="146" customFormat="1" x14ac:dyDescent="0.15">
      <c r="A10" s="151"/>
      <c r="B10" s="143">
        <v>1</v>
      </c>
      <c r="C10" s="132" t="s">
        <v>142</v>
      </c>
      <c r="D10" s="133" t="s">
        <v>167</v>
      </c>
    </row>
    <row r="11" spans="1:4" s="146" customFormat="1" ht="25.5" x14ac:dyDescent="0.15">
      <c r="A11" s="151"/>
      <c r="B11" s="137">
        <v>2</v>
      </c>
      <c r="C11" s="138" t="s">
        <v>143</v>
      </c>
      <c r="D11" s="136" t="s">
        <v>131</v>
      </c>
    </row>
    <row r="12" spans="1:4" s="146" customFormat="1" x14ac:dyDescent="0.15">
      <c r="A12" s="151"/>
      <c r="B12" s="137">
        <v>3</v>
      </c>
      <c r="C12" s="138" t="s">
        <v>144</v>
      </c>
      <c r="D12" s="138" t="s">
        <v>130</v>
      </c>
    </row>
    <row r="13" spans="1:4" s="146" customFormat="1" ht="38.25" x14ac:dyDescent="0.15">
      <c r="A13" s="152"/>
      <c r="B13" s="139">
        <v>4</v>
      </c>
      <c r="C13" s="140" t="s">
        <v>256</v>
      </c>
      <c r="D13" s="140" t="s">
        <v>257</v>
      </c>
    </row>
    <row r="14" spans="1:4" s="146" customFormat="1" x14ac:dyDescent="0.15">
      <c r="A14" s="147" t="s">
        <v>168</v>
      </c>
      <c r="B14" s="141"/>
      <c r="C14" s="142"/>
      <c r="D14" s="145"/>
    </row>
    <row r="15" spans="1:4" s="146" customFormat="1" x14ac:dyDescent="0.15">
      <c r="A15" s="151"/>
      <c r="B15" s="143">
        <v>1</v>
      </c>
      <c r="C15" s="132" t="s">
        <v>169</v>
      </c>
      <c r="D15" s="132" t="s">
        <v>145</v>
      </c>
    </row>
    <row r="16" spans="1:4" s="146" customFormat="1" x14ac:dyDescent="0.15">
      <c r="A16" s="151"/>
      <c r="B16" s="137">
        <v>2</v>
      </c>
      <c r="C16" s="138" t="s">
        <v>146</v>
      </c>
      <c r="D16" s="138" t="s">
        <v>370</v>
      </c>
    </row>
    <row r="17" spans="1:4" s="146" customFormat="1" ht="24.75" x14ac:dyDescent="0.15">
      <c r="A17" s="151"/>
      <c r="B17" s="137">
        <v>3</v>
      </c>
      <c r="C17" s="138" t="s">
        <v>170</v>
      </c>
      <c r="D17" s="138" t="s">
        <v>198</v>
      </c>
    </row>
    <row r="18" spans="1:4" s="146" customFormat="1" x14ac:dyDescent="0.15">
      <c r="A18" s="151"/>
      <c r="B18" s="137">
        <v>4</v>
      </c>
      <c r="C18" s="138" t="s">
        <v>147</v>
      </c>
      <c r="D18" s="138" t="s">
        <v>198</v>
      </c>
    </row>
    <row r="19" spans="1:4" s="146" customFormat="1" x14ac:dyDescent="0.15">
      <c r="A19" s="151"/>
      <c r="B19" s="137">
        <v>5</v>
      </c>
      <c r="C19" s="138" t="s">
        <v>148</v>
      </c>
      <c r="D19" s="138" t="s">
        <v>132</v>
      </c>
    </row>
    <row r="20" spans="1:4" s="146" customFormat="1" x14ac:dyDescent="0.15">
      <c r="A20" s="151"/>
      <c r="B20" s="137">
        <v>6</v>
      </c>
      <c r="C20" s="138" t="s">
        <v>149</v>
      </c>
      <c r="D20" s="138" t="s">
        <v>171</v>
      </c>
    </row>
    <row r="21" spans="1:4" s="146" customFormat="1" x14ac:dyDescent="0.15">
      <c r="A21" s="151"/>
      <c r="B21" s="137">
        <v>7</v>
      </c>
      <c r="C21" s="138" t="s">
        <v>172</v>
      </c>
      <c r="D21" s="138" t="s">
        <v>133</v>
      </c>
    </row>
    <row r="22" spans="1:4" s="146" customFormat="1" ht="24.75" x14ac:dyDescent="0.15">
      <c r="A22" s="151"/>
      <c r="B22" s="137">
        <v>8</v>
      </c>
      <c r="C22" s="138" t="s">
        <v>173</v>
      </c>
      <c r="D22" s="138" t="s">
        <v>145</v>
      </c>
    </row>
    <row r="23" spans="1:4" s="146" customFormat="1" x14ac:dyDescent="0.15">
      <c r="A23" s="151"/>
      <c r="B23" s="137">
        <v>9</v>
      </c>
      <c r="C23" s="138" t="s">
        <v>174</v>
      </c>
      <c r="D23" s="138" t="s">
        <v>219</v>
      </c>
    </row>
    <row r="24" spans="1:4" s="146" customFormat="1" x14ac:dyDescent="0.15">
      <c r="A24" s="151"/>
      <c r="B24" s="137">
        <v>10</v>
      </c>
      <c r="C24" s="138" t="s">
        <v>150</v>
      </c>
      <c r="D24" s="138" t="s">
        <v>175</v>
      </c>
    </row>
    <row r="25" spans="1:4" s="146" customFormat="1" x14ac:dyDescent="0.15">
      <c r="A25" s="151"/>
      <c r="B25" s="137">
        <v>11</v>
      </c>
      <c r="C25" s="138" t="s">
        <v>151</v>
      </c>
      <c r="D25" s="138" t="s">
        <v>133</v>
      </c>
    </row>
    <row r="26" spans="1:4" s="146" customFormat="1" x14ac:dyDescent="0.15">
      <c r="A26" s="151"/>
      <c r="B26" s="137">
        <v>12</v>
      </c>
      <c r="C26" s="138" t="s">
        <v>152</v>
      </c>
      <c r="D26" s="138" t="s">
        <v>204</v>
      </c>
    </row>
    <row r="27" spans="1:4" s="146" customFormat="1" x14ac:dyDescent="0.15">
      <c r="A27" s="151"/>
      <c r="B27" s="137">
        <v>13</v>
      </c>
      <c r="C27" s="138" t="s">
        <v>153</v>
      </c>
      <c r="D27" s="138" t="s">
        <v>204</v>
      </c>
    </row>
    <row r="28" spans="1:4" s="146" customFormat="1" x14ac:dyDescent="0.15">
      <c r="A28" s="151"/>
      <c r="B28" s="697">
        <v>14</v>
      </c>
      <c r="C28" s="698" t="s">
        <v>1331</v>
      </c>
      <c r="D28" s="698" t="s">
        <v>1332</v>
      </c>
    </row>
    <row r="29" spans="1:4" s="146" customFormat="1" x14ac:dyDescent="0.15">
      <c r="A29" s="152"/>
      <c r="B29" s="139">
        <v>15</v>
      </c>
      <c r="C29" s="140" t="s">
        <v>1285</v>
      </c>
      <c r="D29" s="140" t="s">
        <v>1307</v>
      </c>
    </row>
    <row r="30" spans="1:4" s="146" customFormat="1" x14ac:dyDescent="0.15">
      <c r="A30" s="147" t="s">
        <v>176</v>
      </c>
      <c r="B30" s="141"/>
      <c r="C30" s="142"/>
      <c r="D30" s="145"/>
    </row>
    <row r="31" spans="1:4" s="146" customFormat="1" x14ac:dyDescent="0.15">
      <c r="A31" s="151"/>
      <c r="B31" s="143">
        <v>1</v>
      </c>
      <c r="C31" s="132" t="s">
        <v>154</v>
      </c>
      <c r="D31" s="132" t="s">
        <v>230</v>
      </c>
    </row>
    <row r="32" spans="1:4" s="146" customFormat="1" x14ac:dyDescent="0.15">
      <c r="A32" s="151"/>
      <c r="B32" s="137">
        <v>2</v>
      </c>
      <c r="C32" s="138" t="s">
        <v>155</v>
      </c>
      <c r="D32" s="138" t="s">
        <v>133</v>
      </c>
    </row>
    <row r="33" spans="1:4" s="146" customFormat="1" x14ac:dyDescent="0.15">
      <c r="A33" s="151"/>
      <c r="B33" s="137">
        <v>3</v>
      </c>
      <c r="C33" s="138" t="s">
        <v>156</v>
      </c>
      <c r="D33" s="138" t="s">
        <v>230</v>
      </c>
    </row>
    <row r="34" spans="1:4" s="146" customFormat="1" ht="25.5" x14ac:dyDescent="0.15">
      <c r="A34" s="151"/>
      <c r="B34" s="137">
        <v>4</v>
      </c>
      <c r="C34" s="138" t="s">
        <v>199</v>
      </c>
      <c r="D34" s="138" t="s">
        <v>200</v>
      </c>
    </row>
    <row r="35" spans="1:4" s="146" customFormat="1" ht="36" x14ac:dyDescent="0.15">
      <c r="A35" s="151"/>
      <c r="B35" s="137">
        <v>5</v>
      </c>
      <c r="C35" s="138" t="s">
        <v>157</v>
      </c>
      <c r="D35" s="154" t="s">
        <v>201</v>
      </c>
    </row>
    <row r="36" spans="1:4" s="146" customFormat="1" x14ac:dyDescent="0.15">
      <c r="A36" s="151"/>
      <c r="B36" s="137">
        <v>6</v>
      </c>
      <c r="C36" s="138" t="s">
        <v>177</v>
      </c>
      <c r="D36" s="138" t="s">
        <v>178</v>
      </c>
    </row>
    <row r="37" spans="1:4" s="146" customFormat="1" x14ac:dyDescent="0.15">
      <c r="A37" s="151"/>
      <c r="B37" s="137">
        <v>7</v>
      </c>
      <c r="C37" s="138" t="s">
        <v>179</v>
      </c>
      <c r="D37" s="138" t="s">
        <v>134</v>
      </c>
    </row>
    <row r="38" spans="1:4" s="146" customFormat="1" ht="26.25" customHeight="1" x14ac:dyDescent="0.15">
      <c r="A38" s="151"/>
      <c r="B38" s="137">
        <v>8</v>
      </c>
      <c r="C38" s="138" t="s">
        <v>158</v>
      </c>
      <c r="D38" s="138" t="s">
        <v>180</v>
      </c>
    </row>
    <row r="39" spans="1:4" s="146" customFormat="1" x14ac:dyDescent="0.15">
      <c r="A39" s="151"/>
      <c r="B39" s="137">
        <v>9</v>
      </c>
      <c r="C39" s="138" t="s">
        <v>159</v>
      </c>
      <c r="D39" s="138" t="s">
        <v>181</v>
      </c>
    </row>
    <row r="40" spans="1:4" s="146" customFormat="1" x14ac:dyDescent="0.15">
      <c r="A40" s="151"/>
      <c r="B40" s="137">
        <v>10</v>
      </c>
      <c r="C40" s="138" t="s">
        <v>220</v>
      </c>
      <c r="D40" s="138" t="s">
        <v>133</v>
      </c>
    </row>
    <row r="41" spans="1:4" s="146" customFormat="1" x14ac:dyDescent="0.15">
      <c r="A41" s="151"/>
      <c r="B41" s="137">
        <v>11</v>
      </c>
      <c r="C41" s="138" t="s">
        <v>160</v>
      </c>
      <c r="D41" s="138" t="s">
        <v>204</v>
      </c>
    </row>
    <row r="42" spans="1:4" s="146" customFormat="1" x14ac:dyDescent="0.15">
      <c r="A42" s="151"/>
      <c r="B42" s="137">
        <v>12</v>
      </c>
      <c r="C42" s="138" t="s">
        <v>221</v>
      </c>
      <c r="D42" s="138" t="s">
        <v>204</v>
      </c>
    </row>
    <row r="43" spans="1:4" s="146" customFormat="1" ht="24" x14ac:dyDescent="0.15">
      <c r="A43" s="151"/>
      <c r="B43" s="137">
        <v>13</v>
      </c>
      <c r="C43" s="154" t="s">
        <v>202</v>
      </c>
      <c r="D43" s="138" t="s">
        <v>204</v>
      </c>
    </row>
    <row r="44" spans="1:4" s="146" customFormat="1" x14ac:dyDescent="0.15">
      <c r="A44" s="151"/>
      <c r="B44" s="137">
        <v>14</v>
      </c>
      <c r="C44" s="138" t="s">
        <v>182</v>
      </c>
      <c r="D44" s="138" t="s">
        <v>133</v>
      </c>
    </row>
    <row r="45" spans="1:4" s="146" customFormat="1" x14ac:dyDescent="0.15">
      <c r="A45" s="151"/>
      <c r="B45" s="137">
        <v>15</v>
      </c>
      <c r="C45" s="154" t="s">
        <v>258</v>
      </c>
      <c r="D45" s="138" t="s">
        <v>1308</v>
      </c>
    </row>
    <row r="46" spans="1:4" s="146" customFormat="1" x14ac:dyDescent="0.15">
      <c r="A46" s="151"/>
      <c r="B46" s="137">
        <v>16</v>
      </c>
      <c r="C46" s="138" t="s">
        <v>161</v>
      </c>
      <c r="D46" s="138" t="s">
        <v>1195</v>
      </c>
    </row>
    <row r="47" spans="1:4" s="146" customFormat="1" ht="25.5" x14ac:dyDescent="0.15">
      <c r="A47" s="151"/>
      <c r="B47" s="137">
        <v>17</v>
      </c>
      <c r="C47" s="138" t="s">
        <v>203</v>
      </c>
      <c r="D47" s="138" t="s">
        <v>1309</v>
      </c>
    </row>
    <row r="48" spans="1:4" s="146" customFormat="1" x14ac:dyDescent="0.15">
      <c r="A48" s="151"/>
      <c r="B48" s="137">
        <v>18</v>
      </c>
      <c r="C48" s="138" t="s">
        <v>371</v>
      </c>
      <c r="D48" s="138" t="s">
        <v>343</v>
      </c>
    </row>
    <row r="49" spans="1:4" s="146" customFormat="1" x14ac:dyDescent="0.15">
      <c r="A49" s="151"/>
      <c r="B49" s="137">
        <v>19</v>
      </c>
      <c r="C49" s="138" t="s">
        <v>222</v>
      </c>
      <c r="D49" s="138" t="s">
        <v>1310</v>
      </c>
    </row>
    <row r="50" spans="1:4" s="146" customFormat="1" x14ac:dyDescent="0.15">
      <c r="A50" s="151"/>
      <c r="B50" s="137">
        <v>20</v>
      </c>
      <c r="C50" s="138" t="s">
        <v>223</v>
      </c>
      <c r="D50" s="138" t="s">
        <v>183</v>
      </c>
    </row>
    <row r="51" spans="1:4" s="146" customFormat="1" x14ac:dyDescent="0.15">
      <c r="A51" s="151"/>
      <c r="B51" s="137">
        <v>21</v>
      </c>
      <c r="C51" s="698" t="s">
        <v>162</v>
      </c>
      <c r="D51" s="721" t="s">
        <v>1333</v>
      </c>
    </row>
    <row r="52" spans="1:4" s="146" customFormat="1" x14ac:dyDescent="0.15">
      <c r="A52" s="151"/>
      <c r="B52" s="137">
        <v>22</v>
      </c>
      <c r="C52" s="698" t="s">
        <v>1289</v>
      </c>
      <c r="D52" s="698" t="s">
        <v>1307</v>
      </c>
    </row>
    <row r="53" spans="1:4" s="146" customFormat="1" x14ac:dyDescent="0.15">
      <c r="A53" s="151"/>
      <c r="B53" s="137">
        <v>23</v>
      </c>
      <c r="C53" s="698" t="s">
        <v>1290</v>
      </c>
      <c r="D53" s="698" t="s">
        <v>1307</v>
      </c>
    </row>
    <row r="54" spans="1:4" s="146" customFormat="1" x14ac:dyDescent="0.15">
      <c r="A54" s="151"/>
      <c r="B54" s="137">
        <v>24</v>
      </c>
      <c r="C54" s="698" t="s">
        <v>1291</v>
      </c>
      <c r="D54" s="698" t="s">
        <v>1307</v>
      </c>
    </row>
    <row r="55" spans="1:4" s="146" customFormat="1" ht="24.75" x14ac:dyDescent="0.15">
      <c r="A55" s="151"/>
      <c r="B55" s="137">
        <v>25</v>
      </c>
      <c r="C55" s="698" t="s">
        <v>1292</v>
      </c>
      <c r="D55" s="698" t="s">
        <v>1311</v>
      </c>
    </row>
    <row r="56" spans="1:4" s="146" customFormat="1" x14ac:dyDescent="0.15">
      <c r="A56" s="151"/>
      <c r="B56" s="137">
        <v>26</v>
      </c>
      <c r="C56" s="698" t="s">
        <v>1392</v>
      </c>
      <c r="D56" s="698" t="s">
        <v>1312</v>
      </c>
    </row>
    <row r="57" spans="1:4" s="146" customFormat="1" x14ac:dyDescent="0.15">
      <c r="A57" s="152"/>
      <c r="B57" s="137">
        <v>27</v>
      </c>
      <c r="C57" s="153" t="s">
        <v>1294</v>
      </c>
      <c r="D57" s="140" t="s">
        <v>1313</v>
      </c>
    </row>
    <row r="58" spans="1:4" s="146" customFormat="1" x14ac:dyDescent="0.15">
      <c r="A58" s="147" t="s">
        <v>163</v>
      </c>
      <c r="B58" s="141"/>
      <c r="C58" s="142"/>
      <c r="D58" s="145"/>
    </row>
    <row r="59" spans="1:4" s="146" customFormat="1" x14ac:dyDescent="0.15">
      <c r="A59" s="152"/>
      <c r="B59" s="144">
        <v>1</v>
      </c>
      <c r="C59" s="145" t="s">
        <v>184</v>
      </c>
      <c r="D59" s="145" t="s">
        <v>164</v>
      </c>
    </row>
    <row r="60" spans="1:4" s="146" customFormat="1" x14ac:dyDescent="0.15"/>
    <row r="61" spans="1:4" s="146" customFormat="1" x14ac:dyDescent="0.15">
      <c r="A61" s="146" t="s">
        <v>1394</v>
      </c>
    </row>
    <row r="62" spans="1:4" s="146" customFormat="1" x14ac:dyDescent="0.15">
      <c r="A62" s="510" t="s">
        <v>1393</v>
      </c>
      <c r="B62" s="509"/>
      <c r="C62" s="509"/>
      <c r="D62" s="512"/>
    </row>
    <row r="63" spans="1:4" s="146" customFormat="1" x14ac:dyDescent="0.15">
      <c r="A63" s="147" t="s">
        <v>1089</v>
      </c>
      <c r="B63" s="513"/>
      <c r="C63" s="513"/>
      <c r="D63" s="514"/>
    </row>
    <row r="64" spans="1:4" s="146" customFormat="1" x14ac:dyDescent="0.15">
      <c r="A64" s="147"/>
      <c r="B64" s="515">
        <v>1</v>
      </c>
      <c r="C64" s="516" t="s">
        <v>1090</v>
      </c>
      <c r="D64" s="517" t="s">
        <v>145</v>
      </c>
    </row>
    <row r="65" spans="1:4" s="146" customFormat="1" x14ac:dyDescent="0.15">
      <c r="A65" s="147"/>
      <c r="B65" s="518">
        <v>2</v>
      </c>
      <c r="C65" s="519" t="s">
        <v>1091</v>
      </c>
      <c r="D65" s="520" t="s">
        <v>1314</v>
      </c>
    </row>
    <row r="66" spans="1:4" s="146" customFormat="1" x14ac:dyDescent="0.15">
      <c r="A66" s="147"/>
      <c r="B66" s="518">
        <v>3</v>
      </c>
      <c r="C66" s="519" t="s">
        <v>1092</v>
      </c>
      <c r="D66" s="520" t="s">
        <v>1315</v>
      </c>
    </row>
    <row r="67" spans="1:4" x14ac:dyDescent="0.15">
      <c r="A67" s="213"/>
      <c r="B67" s="518">
        <v>4</v>
      </c>
      <c r="C67" s="521" t="s">
        <v>1093</v>
      </c>
      <c r="D67" s="136" t="s">
        <v>1094</v>
      </c>
    </row>
    <row r="68" spans="1:4" x14ac:dyDescent="0.15">
      <c r="A68" s="213"/>
      <c r="B68" s="518">
        <v>5</v>
      </c>
      <c r="C68" s="521" t="s">
        <v>1083</v>
      </c>
      <c r="D68" s="136" t="s">
        <v>1095</v>
      </c>
    </row>
    <row r="69" spans="1:4" x14ac:dyDescent="0.15">
      <c r="A69" s="213"/>
      <c r="B69" s="518">
        <v>6</v>
      </c>
      <c r="C69" s="723" t="s">
        <v>1339</v>
      </c>
      <c r="D69" s="637" t="s">
        <v>1338</v>
      </c>
    </row>
    <row r="70" spans="1:4" x14ac:dyDescent="0.15">
      <c r="A70" s="213"/>
      <c r="B70" s="518">
        <v>7</v>
      </c>
      <c r="C70" s="521" t="s">
        <v>1390</v>
      </c>
      <c r="D70" s="522" t="s">
        <v>1323</v>
      </c>
    </row>
    <row r="71" spans="1:4" x14ac:dyDescent="0.15">
      <c r="A71" s="213"/>
      <c r="B71" s="518">
        <v>8</v>
      </c>
      <c r="C71" s="521" t="s">
        <v>1316</v>
      </c>
      <c r="D71" s="522" t="s">
        <v>1323</v>
      </c>
    </row>
    <row r="72" spans="1:4" x14ac:dyDescent="0.15">
      <c r="A72" s="213"/>
      <c r="B72" s="518">
        <v>9</v>
      </c>
      <c r="C72" s="521" t="s">
        <v>1317</v>
      </c>
      <c r="D72" s="522" t="s">
        <v>1323</v>
      </c>
    </row>
    <row r="73" spans="1:4" x14ac:dyDescent="0.15">
      <c r="A73" s="213"/>
      <c r="B73" s="518">
        <v>10</v>
      </c>
      <c r="C73" s="521" t="s">
        <v>1318</v>
      </c>
      <c r="D73" s="522" t="s">
        <v>1323</v>
      </c>
    </row>
    <row r="74" spans="1:4" x14ac:dyDescent="0.15">
      <c r="A74" s="213"/>
      <c r="B74" s="518">
        <v>11</v>
      </c>
      <c r="C74" s="521" t="s">
        <v>1319</v>
      </c>
      <c r="D74" s="522" t="s">
        <v>1323</v>
      </c>
    </row>
    <row r="75" spans="1:4" x14ac:dyDescent="0.15">
      <c r="A75" s="213"/>
      <c r="B75" s="523">
        <v>12</v>
      </c>
      <c r="C75" s="511" t="s">
        <v>1324</v>
      </c>
      <c r="D75" s="524" t="s">
        <v>1323</v>
      </c>
    </row>
    <row r="76" spans="1:4" x14ac:dyDescent="0.15">
      <c r="A76" s="213" t="s">
        <v>1096</v>
      </c>
      <c r="B76" s="126"/>
      <c r="C76" s="126"/>
      <c r="D76" s="525"/>
    </row>
    <row r="77" spans="1:4" x14ac:dyDescent="0.15">
      <c r="A77" s="213"/>
      <c r="B77" s="526">
        <v>1</v>
      </c>
      <c r="C77" s="527" t="s">
        <v>1084</v>
      </c>
      <c r="D77" s="527" t="s">
        <v>1320</v>
      </c>
    </row>
    <row r="78" spans="1:4" x14ac:dyDescent="0.15">
      <c r="A78" s="213"/>
      <c r="B78" s="528">
        <v>2</v>
      </c>
      <c r="C78" s="719" t="s">
        <v>1297</v>
      </c>
      <c r="D78" s="522" t="s">
        <v>1323</v>
      </c>
    </row>
    <row r="79" spans="1:4" ht="14.25" x14ac:dyDescent="0.15">
      <c r="A79" s="213"/>
      <c r="B79" s="528">
        <v>3</v>
      </c>
      <c r="C79" s="529" t="s">
        <v>1389</v>
      </c>
      <c r="D79" s="522" t="s">
        <v>1323</v>
      </c>
    </row>
    <row r="80" spans="1:4" x14ac:dyDescent="0.15">
      <c r="A80" s="213"/>
      <c r="B80" s="528">
        <v>4</v>
      </c>
      <c r="C80" s="522" t="s">
        <v>1086</v>
      </c>
      <c r="D80" s="522" t="s">
        <v>1323</v>
      </c>
    </row>
    <row r="81" spans="1:4" x14ac:dyDescent="0.15">
      <c r="A81" s="213"/>
      <c r="B81" s="528">
        <v>5</v>
      </c>
      <c r="C81" s="522" t="s">
        <v>1321</v>
      </c>
      <c r="D81" s="522" t="s">
        <v>1323</v>
      </c>
    </row>
    <row r="82" spans="1:4" ht="13.5" x14ac:dyDescent="0.15">
      <c r="A82" s="213"/>
      <c r="B82" s="530">
        <v>6</v>
      </c>
      <c r="C82" s="720" t="s">
        <v>1322</v>
      </c>
      <c r="D82" s="531" t="s">
        <v>1337</v>
      </c>
    </row>
    <row r="83" spans="1:4" ht="14.25" x14ac:dyDescent="0.15">
      <c r="A83" s="213"/>
      <c r="B83" s="537">
        <v>7</v>
      </c>
      <c r="C83" s="722" t="s">
        <v>1087</v>
      </c>
      <c r="D83" s="539" t="s">
        <v>1338</v>
      </c>
    </row>
    <row r="84" spans="1:4" x14ac:dyDescent="0.15">
      <c r="A84" s="213" t="s">
        <v>1097</v>
      </c>
      <c r="B84" s="126"/>
      <c r="C84" s="126"/>
      <c r="D84" s="525"/>
    </row>
    <row r="85" spans="1:4" x14ac:dyDescent="0.15">
      <c r="A85" s="213"/>
      <c r="B85" s="526">
        <v>1</v>
      </c>
      <c r="C85" s="532" t="s">
        <v>1391</v>
      </c>
      <c r="D85" s="527" t="s">
        <v>1323</v>
      </c>
    </row>
    <row r="86" spans="1:4" x14ac:dyDescent="0.15">
      <c r="A86" s="213"/>
      <c r="B86" s="528">
        <v>2</v>
      </c>
      <c r="C86" s="533" t="s">
        <v>1325</v>
      </c>
      <c r="D86" s="522" t="s">
        <v>1323</v>
      </c>
    </row>
    <row r="87" spans="1:4" x14ac:dyDescent="0.15">
      <c r="A87" s="213"/>
      <c r="B87" s="528">
        <v>3</v>
      </c>
      <c r="C87" s="725" t="s">
        <v>1388</v>
      </c>
      <c r="D87" s="522" t="s">
        <v>1323</v>
      </c>
    </row>
    <row r="88" spans="1:4" x14ac:dyDescent="0.15">
      <c r="A88" s="213"/>
      <c r="B88" s="528">
        <v>4</v>
      </c>
      <c r="C88" s="533" t="s">
        <v>1326</v>
      </c>
      <c r="D88" s="522" t="s">
        <v>1323</v>
      </c>
    </row>
    <row r="89" spans="1:4" x14ac:dyDescent="0.15">
      <c r="A89" s="213"/>
      <c r="B89" s="528">
        <v>5</v>
      </c>
      <c r="C89" s="533" t="s">
        <v>1327</v>
      </c>
      <c r="D89" s="522" t="s">
        <v>1323</v>
      </c>
    </row>
    <row r="90" spans="1:4" x14ac:dyDescent="0.15">
      <c r="A90" s="213"/>
      <c r="B90" s="528">
        <v>6</v>
      </c>
      <c r="C90" s="533" t="s">
        <v>1328</v>
      </c>
      <c r="D90" s="522" t="s">
        <v>1323</v>
      </c>
    </row>
    <row r="91" spans="1:4" x14ac:dyDescent="0.15">
      <c r="A91" s="213"/>
      <c r="B91" s="528">
        <v>7</v>
      </c>
      <c r="C91" s="533" t="s">
        <v>1329</v>
      </c>
      <c r="D91" s="522" t="s">
        <v>1323</v>
      </c>
    </row>
    <row r="92" spans="1:4" x14ac:dyDescent="0.15">
      <c r="A92" s="213"/>
      <c r="B92" s="528">
        <v>8</v>
      </c>
      <c r="C92" s="533" t="s">
        <v>1330</v>
      </c>
      <c r="D92" s="522" t="s">
        <v>1323</v>
      </c>
    </row>
    <row r="93" spans="1:4" x14ac:dyDescent="0.15">
      <c r="A93" s="213"/>
      <c r="B93" s="530">
        <v>9</v>
      </c>
      <c r="C93" s="534" t="s">
        <v>1387</v>
      </c>
      <c r="D93" s="535" t="s">
        <v>1098</v>
      </c>
    </row>
    <row r="94" spans="1:4" x14ac:dyDescent="0.15">
      <c r="A94" s="536"/>
      <c r="B94" s="538">
        <v>10</v>
      </c>
      <c r="C94" s="524" t="s">
        <v>1385</v>
      </c>
      <c r="D94" s="539" t="s">
        <v>1334</v>
      </c>
    </row>
  </sheetData>
  <phoneticPr fontId="9"/>
  <printOptions horizontalCentered="1"/>
  <pageMargins left="0.78740157480314965" right="0.78740157480314965" top="0.98425196850393704" bottom="0.78740157480314965" header="0.31496062992125984" footer="0.31496062992125984"/>
  <pageSetup paperSize="9" scale="56"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M59"/>
  <sheetViews>
    <sheetView view="pageBreakPreview" zoomScale="90" zoomScaleNormal="100" zoomScaleSheetLayoutView="90" workbookViewId="0"/>
  </sheetViews>
  <sheetFormatPr defaultColWidth="9.140625" defaultRowHeight="15" customHeight="1" x14ac:dyDescent="0.2"/>
  <cols>
    <col min="1" max="1" width="3.7109375" style="275" customWidth="1"/>
    <col min="2" max="2" width="3.7109375" style="279" customWidth="1"/>
    <col min="3" max="3" width="3.7109375" style="275" customWidth="1"/>
    <col min="4" max="11" width="9.140625" style="275"/>
    <col min="12" max="12" width="15.42578125" style="275" customWidth="1"/>
    <col min="13" max="13" width="16.28515625" style="275" customWidth="1"/>
    <col min="14" max="14" width="3.7109375" style="275" customWidth="1"/>
    <col min="15" max="16384" width="9.140625" style="275"/>
  </cols>
  <sheetData>
    <row r="1" spans="2:13" ht="15" customHeight="1" x14ac:dyDescent="0.2">
      <c r="B1" s="275"/>
      <c r="K1" s="732" t="s">
        <v>560</v>
      </c>
      <c r="L1" s="732"/>
      <c r="M1" s="732"/>
    </row>
    <row r="2" spans="2:13" ht="12.75" customHeight="1" x14ac:dyDescent="0.2">
      <c r="B2" s="275"/>
    </row>
    <row r="3" spans="2:13" ht="15" customHeight="1" x14ac:dyDescent="0.2">
      <c r="B3" s="743" t="s">
        <v>1349</v>
      </c>
      <c r="C3" s="743"/>
      <c r="D3" s="743"/>
      <c r="E3" s="743"/>
      <c r="F3" s="743"/>
      <c r="G3" s="743"/>
      <c r="H3" s="743"/>
      <c r="I3" s="743"/>
      <c r="J3" s="743"/>
      <c r="K3" s="743"/>
      <c r="L3" s="743"/>
      <c r="M3" s="743"/>
    </row>
    <row r="4" spans="2:13" ht="15" customHeight="1" x14ac:dyDescent="0.2">
      <c r="B4" s="743"/>
      <c r="C4" s="743"/>
      <c r="D4" s="743"/>
      <c r="E4" s="743"/>
      <c r="F4" s="743"/>
      <c r="G4" s="743"/>
      <c r="H4" s="743"/>
      <c r="I4" s="743"/>
      <c r="J4" s="743"/>
      <c r="K4" s="743"/>
      <c r="L4" s="743"/>
      <c r="M4" s="743"/>
    </row>
    <row r="5" spans="2:13" ht="15" customHeight="1" x14ac:dyDescent="0.2">
      <c r="B5" s="744"/>
      <c r="C5" s="744"/>
      <c r="D5" s="744"/>
      <c r="E5" s="744"/>
      <c r="F5" s="744"/>
      <c r="G5" s="744"/>
      <c r="H5" s="744"/>
      <c r="I5" s="744"/>
      <c r="J5" s="744"/>
      <c r="K5" s="744"/>
      <c r="L5" s="744"/>
      <c r="M5" s="744"/>
    </row>
    <row r="6" spans="2:13" ht="15" customHeight="1" x14ac:dyDescent="0.2">
      <c r="B6" s="744"/>
      <c r="C6" s="744"/>
      <c r="D6" s="744"/>
      <c r="E6" s="744"/>
      <c r="F6" s="744"/>
      <c r="G6" s="744"/>
      <c r="H6" s="744"/>
      <c r="I6" s="744"/>
      <c r="J6" s="744"/>
      <c r="K6" s="744"/>
      <c r="L6" s="744"/>
      <c r="M6" s="744"/>
    </row>
    <row r="7" spans="2:13" ht="15" customHeight="1" x14ac:dyDescent="0.2">
      <c r="B7" s="745" t="s">
        <v>1191</v>
      </c>
      <c r="C7" s="746"/>
      <c r="D7" s="746"/>
      <c r="E7" s="746"/>
      <c r="F7" s="746"/>
      <c r="G7" s="746"/>
      <c r="H7" s="746"/>
      <c r="I7" s="746"/>
      <c r="J7" s="746"/>
      <c r="K7" s="746"/>
      <c r="L7" s="746"/>
      <c r="M7" s="746"/>
    </row>
    <row r="8" spans="2:13" ht="15" customHeight="1" x14ac:dyDescent="0.2">
      <c r="B8" s="275"/>
    </row>
    <row r="9" spans="2:13" ht="12.75" customHeight="1" x14ac:dyDescent="0.2">
      <c r="B9" s="275"/>
    </row>
    <row r="10" spans="2:13" ht="15" customHeight="1" x14ac:dyDescent="0.2">
      <c r="B10" s="277" t="s">
        <v>561</v>
      </c>
      <c r="C10" s="275" t="s">
        <v>562</v>
      </c>
      <c r="F10" s="278"/>
    </row>
    <row r="11" spans="2:13" ht="12.75" customHeight="1" x14ac:dyDescent="0.2">
      <c r="B11" s="277"/>
      <c r="F11" s="278"/>
    </row>
    <row r="12" spans="2:13" ht="15" customHeight="1" thickBot="1" x14ac:dyDescent="0.25">
      <c r="B12" s="277"/>
      <c r="C12" s="279"/>
      <c r="D12" s="280" t="s">
        <v>563</v>
      </c>
      <c r="E12" s="281"/>
      <c r="F12" s="280" t="s">
        <v>564</v>
      </c>
      <c r="G12" s="282"/>
      <c r="H12" s="282"/>
      <c r="I12" s="282"/>
      <c r="J12" s="282"/>
      <c r="K12" s="282"/>
      <c r="L12" s="281"/>
      <c r="M12" s="283" t="s">
        <v>565</v>
      </c>
    </row>
    <row r="13" spans="2:13" ht="15" customHeight="1" x14ac:dyDescent="0.2">
      <c r="B13" s="277"/>
      <c r="C13" s="279"/>
      <c r="D13" s="284" t="s">
        <v>566</v>
      </c>
      <c r="E13" s="285"/>
      <c r="F13" s="286" t="s">
        <v>567</v>
      </c>
      <c r="G13" s="287"/>
      <c r="H13" s="287"/>
      <c r="I13" s="287"/>
      <c r="J13" s="287"/>
      <c r="K13" s="287"/>
      <c r="L13" s="285"/>
      <c r="M13" s="738" t="s">
        <v>568</v>
      </c>
    </row>
    <row r="14" spans="2:13" ht="15" customHeight="1" x14ac:dyDescent="0.2">
      <c r="B14" s="277"/>
      <c r="C14" s="279"/>
      <c r="D14" s="288"/>
      <c r="E14" s="289"/>
      <c r="F14" s="290" t="s">
        <v>569</v>
      </c>
      <c r="G14" s="291"/>
      <c r="H14" s="291"/>
      <c r="I14" s="291"/>
      <c r="J14" s="291"/>
      <c r="K14" s="291"/>
      <c r="L14" s="289"/>
      <c r="M14" s="739"/>
    </row>
    <row r="15" spans="2:13" ht="15" customHeight="1" x14ac:dyDescent="0.2">
      <c r="D15" s="292" t="s">
        <v>570</v>
      </c>
      <c r="E15" s="293"/>
      <c r="F15" s="294" t="s">
        <v>571</v>
      </c>
      <c r="G15" s="295"/>
      <c r="H15" s="295"/>
      <c r="I15" s="295"/>
      <c r="J15" s="295"/>
      <c r="K15" s="295"/>
      <c r="L15" s="293"/>
      <c r="M15" s="740" t="s">
        <v>572</v>
      </c>
    </row>
    <row r="16" spans="2:13" ht="15" customHeight="1" x14ac:dyDescent="0.2">
      <c r="D16" s="321"/>
      <c r="E16" s="285"/>
      <c r="F16" s="286" t="s">
        <v>573</v>
      </c>
      <c r="G16" s="287"/>
      <c r="H16" s="287"/>
      <c r="I16" s="287"/>
      <c r="J16" s="287"/>
      <c r="K16" s="287"/>
      <c r="L16" s="285"/>
      <c r="M16" s="741"/>
    </row>
    <row r="17" spans="2:13" ht="15" customHeight="1" x14ac:dyDescent="0.2">
      <c r="D17" s="321"/>
      <c r="E17" s="285"/>
      <c r="F17" s="286" t="s">
        <v>574</v>
      </c>
      <c r="G17" s="287"/>
      <c r="H17" s="287"/>
      <c r="I17" s="287"/>
      <c r="J17" s="287"/>
      <c r="K17" s="287"/>
      <c r="L17" s="285"/>
      <c r="M17" s="742"/>
    </row>
    <row r="18" spans="2:13" ht="26.1" customHeight="1" x14ac:dyDescent="0.2">
      <c r="B18" s="277"/>
      <c r="C18" s="279"/>
      <c r="D18" s="296" t="s">
        <v>524</v>
      </c>
      <c r="E18" s="297"/>
      <c r="F18" s="298" t="s">
        <v>575</v>
      </c>
      <c r="G18" s="299"/>
      <c r="H18" s="299"/>
      <c r="I18" s="299"/>
      <c r="J18" s="299"/>
      <c r="K18" s="299"/>
      <c r="L18" s="297"/>
      <c r="M18" s="300" t="s">
        <v>576</v>
      </c>
    </row>
    <row r="19" spans="2:13" ht="26.1" customHeight="1" x14ac:dyDescent="0.2">
      <c r="D19" s="301" t="s">
        <v>577</v>
      </c>
      <c r="E19" s="302"/>
      <c r="F19" s="290" t="s">
        <v>578</v>
      </c>
      <c r="G19" s="303"/>
      <c r="H19" s="303"/>
      <c r="I19" s="303"/>
      <c r="J19" s="303"/>
      <c r="K19" s="303"/>
      <c r="L19" s="302"/>
      <c r="M19" s="304" t="s">
        <v>1336</v>
      </c>
    </row>
    <row r="20" spans="2:13" ht="26.1" customHeight="1" x14ac:dyDescent="0.2">
      <c r="B20" s="277"/>
      <c r="C20" s="279"/>
      <c r="D20" s="292" t="s">
        <v>1351</v>
      </c>
      <c r="E20" s="297"/>
      <c r="F20" s="747" t="s">
        <v>1350</v>
      </c>
      <c r="G20" s="748"/>
      <c r="H20" s="748"/>
      <c r="I20" s="748"/>
      <c r="J20" s="748"/>
      <c r="K20" s="748"/>
      <c r="L20" s="749"/>
      <c r="M20" s="300" t="s">
        <v>579</v>
      </c>
    </row>
    <row r="21" spans="2:13" ht="26.1" customHeight="1" x14ac:dyDescent="0.2">
      <c r="B21" s="277"/>
      <c r="C21" s="279"/>
      <c r="D21" s="296" t="s">
        <v>1352</v>
      </c>
      <c r="E21" s="297"/>
      <c r="F21" s="290" t="s">
        <v>580</v>
      </c>
      <c r="G21" s="299"/>
      <c r="H21" s="299"/>
      <c r="I21" s="299"/>
      <c r="J21" s="299"/>
      <c r="K21" s="299"/>
      <c r="L21" s="297"/>
      <c r="M21" s="300" t="s">
        <v>581</v>
      </c>
    </row>
    <row r="22" spans="2:13" ht="14.25" x14ac:dyDescent="0.2">
      <c r="B22" s="277"/>
      <c r="C22" s="279"/>
      <c r="D22" s="730" t="s">
        <v>1396</v>
      </c>
      <c r="E22" s="730"/>
      <c r="F22" s="730"/>
      <c r="G22" s="730"/>
      <c r="H22" s="730"/>
      <c r="I22" s="730"/>
      <c r="J22" s="730"/>
      <c r="K22" s="730"/>
      <c r="L22" s="730"/>
      <c r="M22" s="730"/>
    </row>
    <row r="23" spans="2:13" ht="14.25" x14ac:dyDescent="0.2">
      <c r="B23" s="277"/>
      <c r="C23" s="279"/>
      <c r="D23" s="731"/>
      <c r="E23" s="731"/>
      <c r="F23" s="731"/>
      <c r="G23" s="731"/>
      <c r="H23" s="731"/>
      <c r="I23" s="731"/>
      <c r="J23" s="731"/>
      <c r="K23" s="731"/>
      <c r="L23" s="731"/>
      <c r="M23" s="731"/>
    </row>
    <row r="24" spans="2:13" ht="14.25" x14ac:dyDescent="0.2">
      <c r="B24" s="277"/>
      <c r="C24" s="279"/>
      <c r="D24" s="731"/>
      <c r="E24" s="731"/>
      <c r="F24" s="731"/>
      <c r="G24" s="731"/>
      <c r="H24" s="731"/>
      <c r="I24" s="731"/>
      <c r="J24" s="731"/>
      <c r="K24" s="731"/>
      <c r="L24" s="731"/>
      <c r="M24" s="731"/>
    </row>
    <row r="25" spans="2:13" ht="14.25" x14ac:dyDescent="0.2">
      <c r="B25" s="277"/>
      <c r="C25" s="279"/>
      <c r="D25" s="731"/>
      <c r="E25" s="731"/>
      <c r="F25" s="731"/>
      <c r="G25" s="731"/>
      <c r="H25" s="731"/>
      <c r="I25" s="731"/>
      <c r="J25" s="731"/>
      <c r="K25" s="731"/>
      <c r="L25" s="731"/>
      <c r="M25" s="731"/>
    </row>
    <row r="26" spans="2:13" ht="12.75" customHeight="1" x14ac:dyDescent="0.2">
      <c r="B26" s="277"/>
      <c r="C26" s="279"/>
      <c r="D26" s="731"/>
      <c r="E26" s="731"/>
      <c r="F26" s="731"/>
      <c r="G26" s="731"/>
      <c r="H26" s="731"/>
      <c r="I26" s="731"/>
      <c r="J26" s="731"/>
      <c r="K26" s="731"/>
      <c r="L26" s="731"/>
      <c r="M26" s="731"/>
    </row>
    <row r="27" spans="2:13" ht="26.1" customHeight="1" x14ac:dyDescent="0.2">
      <c r="B27" s="277"/>
      <c r="C27" s="323" t="s">
        <v>1353</v>
      </c>
      <c r="D27" s="307"/>
      <c r="E27" s="307"/>
      <c r="F27" s="308"/>
      <c r="G27" s="307"/>
      <c r="H27" s="307"/>
      <c r="I27" s="307"/>
      <c r="J27" s="307"/>
      <c r="K27" s="307"/>
      <c r="L27" s="307"/>
      <c r="M27" s="309"/>
    </row>
    <row r="28" spans="2:13" ht="15" customHeight="1" x14ac:dyDescent="0.2">
      <c r="C28" s="159" t="s">
        <v>1198</v>
      </c>
      <c r="D28" s="310"/>
      <c r="E28" s="311"/>
      <c r="F28" s="312"/>
      <c r="G28" s="311"/>
      <c r="H28" s="311"/>
      <c r="I28" s="311"/>
      <c r="J28" s="311"/>
      <c r="K28" s="311"/>
      <c r="M28" s="313"/>
    </row>
    <row r="29" spans="2:13" ht="15" customHeight="1" x14ac:dyDescent="0.2">
      <c r="C29" s="275" t="s">
        <v>1354</v>
      </c>
      <c r="D29" s="306"/>
      <c r="E29" s="314"/>
      <c r="F29" s="315"/>
    </row>
    <row r="30" spans="2:13" ht="15" customHeight="1" x14ac:dyDescent="0.2">
      <c r="B30" s="277"/>
      <c r="C30" s="275" t="s">
        <v>582</v>
      </c>
      <c r="F30" s="278"/>
    </row>
    <row r="31" spans="2:13" ht="12.75" customHeight="1" x14ac:dyDescent="0.2">
      <c r="B31" s="277"/>
    </row>
    <row r="32" spans="2:13" ht="15" customHeight="1" x14ac:dyDescent="0.2">
      <c r="B32" s="277" t="s">
        <v>583</v>
      </c>
      <c r="C32" s="275" t="s">
        <v>584</v>
      </c>
    </row>
    <row r="33" spans="2:11" ht="15" customHeight="1" x14ac:dyDescent="0.2">
      <c r="D33" s="275" t="s">
        <v>1355</v>
      </c>
    </row>
    <row r="34" spans="2:11" ht="15" customHeight="1" x14ac:dyDescent="0.2">
      <c r="E34" s="322" t="s">
        <v>585</v>
      </c>
    </row>
    <row r="35" spans="2:11" ht="15" customHeight="1" x14ac:dyDescent="0.2">
      <c r="E35" s="322" t="s">
        <v>586</v>
      </c>
    </row>
    <row r="36" spans="2:11" ht="15" customHeight="1" x14ac:dyDescent="0.2">
      <c r="E36" s="322" t="s">
        <v>587</v>
      </c>
    </row>
    <row r="37" spans="2:11" ht="15" customHeight="1" x14ac:dyDescent="0.2">
      <c r="D37" s="275" t="s">
        <v>1356</v>
      </c>
    </row>
    <row r="38" spans="2:11" ht="15" customHeight="1" x14ac:dyDescent="0.2">
      <c r="E38" s="322" t="s">
        <v>588</v>
      </c>
    </row>
    <row r="39" spans="2:11" ht="15" customHeight="1" x14ac:dyDescent="0.2">
      <c r="E39" s="322" t="s">
        <v>589</v>
      </c>
    </row>
    <row r="40" spans="2:11" ht="15" customHeight="1" x14ac:dyDescent="0.2">
      <c r="C40" s="275" t="s">
        <v>590</v>
      </c>
    </row>
    <row r="41" spans="2:11" ht="15" customHeight="1" x14ac:dyDescent="0.2">
      <c r="C41" s="275" t="s">
        <v>591</v>
      </c>
    </row>
    <row r="42" spans="2:11" ht="12.75" customHeight="1" x14ac:dyDescent="0.2"/>
    <row r="43" spans="2:11" ht="15" customHeight="1" x14ac:dyDescent="0.2">
      <c r="B43" s="277" t="s">
        <v>538</v>
      </c>
      <c r="C43" s="275" t="s">
        <v>592</v>
      </c>
    </row>
    <row r="44" spans="2:11" ht="15" customHeight="1" x14ac:dyDescent="0.2">
      <c r="D44" s="323" t="s">
        <v>593</v>
      </c>
      <c r="E44" s="318"/>
      <c r="H44" s="319"/>
      <c r="I44" s="318"/>
      <c r="J44" s="318"/>
      <c r="K44" s="318"/>
    </row>
    <row r="45" spans="2:11" ht="15" customHeight="1" x14ac:dyDescent="0.2">
      <c r="D45" s="323" t="s">
        <v>1189</v>
      </c>
      <c r="E45" s="318"/>
      <c r="H45" s="319"/>
      <c r="I45" s="318"/>
      <c r="J45" s="318"/>
      <c r="K45" s="318"/>
    </row>
    <row r="46" spans="2:11" ht="15" customHeight="1" x14ac:dyDescent="0.2">
      <c r="D46" s="323" t="s">
        <v>594</v>
      </c>
      <c r="E46" s="318"/>
      <c r="H46" s="319"/>
      <c r="I46" s="318"/>
      <c r="J46" s="318"/>
      <c r="K46" s="318"/>
    </row>
    <row r="47" spans="2:11" ht="15" customHeight="1" x14ac:dyDescent="0.2">
      <c r="D47" s="323" t="s">
        <v>595</v>
      </c>
      <c r="E47" s="318"/>
      <c r="H47" s="319"/>
      <c r="I47" s="318"/>
      <c r="J47" s="318"/>
      <c r="K47" s="318"/>
    </row>
    <row r="48" spans="2:11" ht="12.75" customHeight="1" x14ac:dyDescent="0.2">
      <c r="D48" s="323"/>
      <c r="E48" s="318"/>
      <c r="H48" s="319"/>
      <c r="I48" s="318"/>
      <c r="J48" s="318"/>
      <c r="K48" s="318"/>
    </row>
    <row r="49" spans="2:11" ht="15" customHeight="1" x14ac:dyDescent="0.2">
      <c r="B49" s="277" t="s">
        <v>549</v>
      </c>
      <c r="C49" s="275" t="s">
        <v>1357</v>
      </c>
      <c r="H49" s="319"/>
      <c r="I49" s="318"/>
      <c r="J49" s="318"/>
      <c r="K49" s="318"/>
    </row>
    <row r="50" spans="2:11" ht="15" customHeight="1" x14ac:dyDescent="0.2">
      <c r="D50" s="323" t="s">
        <v>596</v>
      </c>
      <c r="E50" s="318"/>
      <c r="H50" s="319"/>
      <c r="I50" s="318"/>
      <c r="J50" s="318"/>
      <c r="K50" s="318"/>
    </row>
    <row r="51" spans="2:11" ht="15" customHeight="1" x14ac:dyDescent="0.2">
      <c r="D51" s="323" t="s">
        <v>1189</v>
      </c>
      <c r="E51" s="318"/>
      <c r="H51" s="319"/>
      <c r="I51" s="318"/>
      <c r="J51" s="318"/>
      <c r="K51" s="318"/>
    </row>
    <row r="52" spans="2:11" ht="15" customHeight="1" x14ac:dyDescent="0.2">
      <c r="D52" s="323" t="s">
        <v>597</v>
      </c>
      <c r="E52" s="318"/>
      <c r="H52" s="319"/>
      <c r="I52" s="318"/>
      <c r="J52" s="318"/>
      <c r="K52" s="318"/>
    </row>
    <row r="53" spans="2:11" ht="15" customHeight="1" x14ac:dyDescent="0.2">
      <c r="D53" s="323" t="s">
        <v>598</v>
      </c>
      <c r="E53" s="318"/>
    </row>
    <row r="54" spans="2:11" ht="12.75" customHeight="1" x14ac:dyDescent="0.2">
      <c r="D54" s="323"/>
      <c r="E54" s="318"/>
    </row>
    <row r="55" spans="2:11" ht="15" customHeight="1" x14ac:dyDescent="0.2">
      <c r="B55" s="277" t="s">
        <v>599</v>
      </c>
      <c r="C55" s="275" t="s">
        <v>600</v>
      </c>
    </row>
    <row r="56" spans="2:11" ht="15" customHeight="1" x14ac:dyDescent="0.2">
      <c r="C56" s="275" t="s">
        <v>601</v>
      </c>
    </row>
    <row r="57" spans="2:11" ht="12.75" customHeight="1" x14ac:dyDescent="0.2"/>
    <row r="58" spans="2:11" ht="15" customHeight="1" x14ac:dyDescent="0.2">
      <c r="B58" s="277" t="s">
        <v>557</v>
      </c>
      <c r="C58" s="275" t="s">
        <v>602</v>
      </c>
    </row>
    <row r="59" spans="2:11" ht="15" customHeight="1" x14ac:dyDescent="0.2">
      <c r="B59" s="275"/>
      <c r="C59" s="275" t="s">
        <v>1188</v>
      </c>
    </row>
  </sheetData>
  <mergeCells count="7">
    <mergeCell ref="D22:M26"/>
    <mergeCell ref="K1:M1"/>
    <mergeCell ref="B3:M6"/>
    <mergeCell ref="B7:M7"/>
    <mergeCell ref="M13:M14"/>
    <mergeCell ref="M15:M17"/>
    <mergeCell ref="F20:L20"/>
  </mergeCells>
  <phoneticPr fontId="9"/>
  <printOptions horizontalCentered="1"/>
  <pageMargins left="0.39370078740157483" right="0.39370078740157483" top="0.74803149606299213" bottom="0.74803149606299213" header="0.31496062992125984" footer="0.31496062992125984"/>
  <pageSetup paperSize="9" scale="84" orientation="portrait" r:id="rId1"/>
  <ignoredErrors>
    <ignoredError sqref="B32 B43 B10 B49 B55 B58" numberStoredAsText="1"/>
  </ignoredError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pageSetUpPr fitToPage="1"/>
  </sheetPr>
  <dimension ref="A1:G67"/>
  <sheetViews>
    <sheetView showGridLines="0" tabSelected="1" view="pageBreakPreview" zoomScale="90" zoomScaleNormal="100" zoomScaleSheetLayoutView="90" workbookViewId="0"/>
  </sheetViews>
  <sheetFormatPr defaultColWidth="0.7109375" defaultRowHeight="15.75" x14ac:dyDescent="0.15"/>
  <cols>
    <col min="1" max="1" width="1.42578125" style="45" customWidth="1"/>
    <col min="2" max="2" width="1.42578125" style="43" customWidth="1"/>
    <col min="3" max="3" width="0.7109375" style="41" customWidth="1"/>
    <col min="4" max="4" width="4.7109375" style="62" bestFit="1" customWidth="1"/>
    <col min="5" max="5" width="45.28515625" style="41" customWidth="1"/>
    <col min="6" max="6" width="67.5703125" style="41" customWidth="1"/>
    <col min="7" max="7" width="21.28515625" style="41" customWidth="1"/>
    <col min="8" max="8" width="6.42578125" style="41" customWidth="1"/>
    <col min="9" max="16384" width="0.7109375" style="41"/>
  </cols>
  <sheetData>
    <row r="1" spans="1:7" ht="12.75" x14ac:dyDescent="0.15">
      <c r="A1" s="7"/>
      <c r="B1" s="7"/>
      <c r="C1" s="6"/>
      <c r="D1" s="6"/>
      <c r="E1" s="8"/>
      <c r="F1" s="8"/>
      <c r="G1" s="9">
        <f>F16</f>
        <v>0</v>
      </c>
    </row>
    <row r="2" spans="1:7" ht="14.25" x14ac:dyDescent="0.15">
      <c r="A2" s="121" t="s">
        <v>1160</v>
      </c>
      <c r="D2" s="42"/>
      <c r="E2" s="44"/>
      <c r="F2" s="44"/>
      <c r="G2" s="44"/>
    </row>
    <row r="3" spans="1:7" ht="14.25" x14ac:dyDescent="0.15">
      <c r="A3" s="8" t="s">
        <v>1163</v>
      </c>
      <c r="D3" s="42"/>
      <c r="E3" s="44"/>
      <c r="F3" s="44"/>
      <c r="G3" s="44"/>
    </row>
    <row r="4" spans="1:7" ht="21" customHeight="1" x14ac:dyDescent="0.15">
      <c r="C4" s="44"/>
      <c r="D4" s="44"/>
      <c r="E4" s="116" t="s">
        <v>187</v>
      </c>
      <c r="F4" s="122"/>
    </row>
    <row r="5" spans="1:7" ht="21" customHeight="1" x14ac:dyDescent="0.15">
      <c r="C5" s="44"/>
      <c r="D5" s="44"/>
      <c r="E5" s="117" t="s">
        <v>188</v>
      </c>
      <c r="F5" s="123"/>
    </row>
    <row r="6" spans="1:7" ht="21" customHeight="1" x14ac:dyDescent="0.15">
      <c r="C6" s="44"/>
      <c r="D6" s="44"/>
      <c r="E6" s="117" t="s">
        <v>189</v>
      </c>
      <c r="F6" s="156"/>
    </row>
    <row r="7" spans="1:7" s="125" customFormat="1" ht="10.5" customHeight="1" x14ac:dyDescent="0.15">
      <c r="A7" s="157"/>
      <c r="B7" s="158"/>
      <c r="C7" s="159"/>
      <c r="D7" s="159"/>
      <c r="E7" s="159"/>
      <c r="F7" s="159"/>
      <c r="G7" s="159"/>
    </row>
    <row r="8" spans="1:7" s="125" customFormat="1" ht="26.25" x14ac:dyDescent="0.15">
      <c r="A8" s="157"/>
      <c r="B8" s="158"/>
      <c r="C8" s="46" t="s">
        <v>1203</v>
      </c>
      <c r="D8" s="46"/>
      <c r="E8" s="159"/>
      <c r="F8" s="159"/>
      <c r="G8" s="47"/>
    </row>
    <row r="9" spans="1:7" s="125" customFormat="1" x14ac:dyDescent="0.15">
      <c r="A9" s="157"/>
      <c r="B9" s="158"/>
      <c r="C9" s="48" t="s">
        <v>1204</v>
      </c>
      <c r="D9" s="12"/>
      <c r="E9" s="159"/>
      <c r="F9" s="159"/>
      <c r="G9" s="47"/>
    </row>
    <row r="10" spans="1:7" s="161" customFormat="1" ht="12" x14ac:dyDescent="0.15">
      <c r="A10" s="160"/>
      <c r="B10" s="160"/>
      <c r="C10" s="8" t="s">
        <v>126</v>
      </c>
    </row>
    <row r="11" spans="1:7" s="125" customFormat="1" ht="10.5" customHeight="1" x14ac:dyDescent="0.15">
      <c r="A11" s="157"/>
      <c r="B11" s="158"/>
      <c r="C11" s="159"/>
      <c r="D11" s="159"/>
      <c r="E11" s="159"/>
      <c r="F11" s="159"/>
      <c r="G11" s="159"/>
    </row>
    <row r="12" spans="1:7" s="125" customFormat="1" x14ac:dyDescent="0.15">
      <c r="A12" s="157"/>
      <c r="B12" s="158"/>
      <c r="C12" s="42" t="s">
        <v>205</v>
      </c>
      <c r="D12" s="42"/>
      <c r="E12" s="159"/>
      <c r="F12" s="159"/>
      <c r="G12" s="47"/>
    </row>
    <row r="13" spans="1:7" s="125" customFormat="1" x14ac:dyDescent="0.15">
      <c r="A13" s="157"/>
      <c r="B13" s="158"/>
      <c r="C13" s="8" t="s">
        <v>206</v>
      </c>
      <c r="D13" s="11"/>
      <c r="E13" s="159"/>
      <c r="F13" s="159"/>
      <c r="G13" s="47"/>
    </row>
    <row r="14" spans="1:7" s="125" customFormat="1" ht="10.5" customHeight="1" x14ac:dyDescent="0.15">
      <c r="A14" s="157"/>
      <c r="B14" s="158"/>
      <c r="C14" s="159"/>
      <c r="D14" s="159"/>
      <c r="E14" s="159"/>
      <c r="F14" s="159"/>
      <c r="G14" s="159"/>
    </row>
    <row r="15" spans="1:7" s="125" customFormat="1" x14ac:dyDescent="0.15">
      <c r="A15" s="157"/>
      <c r="B15" s="158"/>
      <c r="C15" s="159"/>
      <c r="D15" s="159"/>
      <c r="E15" s="48" t="s">
        <v>190</v>
      </c>
      <c r="F15" s="48"/>
      <c r="G15" s="47"/>
    </row>
    <row r="16" spans="1:7" s="125" customFormat="1" ht="27" customHeight="1" x14ac:dyDescent="0.15">
      <c r="A16" s="157"/>
      <c r="B16" s="158"/>
      <c r="C16" s="159"/>
      <c r="D16" s="159"/>
      <c r="E16" s="49" t="s">
        <v>1161</v>
      </c>
      <c r="F16" s="726"/>
    </row>
    <row r="17" spans="1:7" s="125" customFormat="1" ht="21" customHeight="1" x14ac:dyDescent="0.15">
      <c r="A17" s="157"/>
      <c r="B17" s="158"/>
      <c r="C17" s="159"/>
      <c r="D17" s="159"/>
      <c r="E17" s="49" t="s">
        <v>191</v>
      </c>
      <c r="F17" s="123"/>
    </row>
    <row r="18" spans="1:7" s="125" customFormat="1" ht="21" customHeight="1" x14ac:dyDescent="0.15">
      <c r="A18" s="157"/>
      <c r="B18" s="158"/>
      <c r="C18" s="159"/>
      <c r="D18" s="159"/>
      <c r="E18" s="49" t="s">
        <v>192</v>
      </c>
      <c r="F18" s="123"/>
    </row>
    <row r="19" spans="1:7" s="125" customFormat="1" ht="21" customHeight="1" x14ac:dyDescent="0.15">
      <c r="A19" s="157"/>
      <c r="B19" s="158"/>
      <c r="C19" s="159"/>
      <c r="D19" s="159"/>
      <c r="E19" s="49" t="s">
        <v>193</v>
      </c>
      <c r="F19" s="123"/>
    </row>
    <row r="20" spans="1:7" s="125" customFormat="1" ht="10.5" customHeight="1" x14ac:dyDescent="0.15">
      <c r="A20" s="157"/>
      <c r="B20" s="158"/>
      <c r="D20" s="639"/>
    </row>
    <row r="21" spans="1:7" s="126" customFormat="1" x14ac:dyDescent="0.15">
      <c r="A21" s="162" t="s">
        <v>322</v>
      </c>
      <c r="B21" s="163"/>
      <c r="C21" s="165"/>
      <c r="D21" s="166"/>
      <c r="E21" s="167"/>
      <c r="F21" s="167"/>
      <c r="G21" s="165"/>
    </row>
    <row r="22" spans="1:7" s="51" customFormat="1" ht="10.5" customHeight="1" x14ac:dyDescent="0.15">
      <c r="A22" s="10"/>
      <c r="B22" s="10"/>
      <c r="C22" s="1"/>
      <c r="D22" s="2"/>
      <c r="E22" s="3"/>
      <c r="F22" s="3"/>
      <c r="G22" s="1"/>
    </row>
    <row r="23" spans="1:7" s="51" customFormat="1" x14ac:dyDescent="0.15">
      <c r="A23" s="50"/>
      <c r="B23" s="52" t="s">
        <v>102</v>
      </c>
      <c r="C23" s="53"/>
      <c r="D23" s="54"/>
      <c r="E23" s="55"/>
      <c r="F23" s="55"/>
      <c r="G23" s="53"/>
    </row>
    <row r="24" spans="1:7" s="51" customFormat="1" ht="12.75" x14ac:dyDescent="0.15">
      <c r="A24" s="10"/>
      <c r="B24" s="13" t="s">
        <v>73</v>
      </c>
      <c r="C24" s="1"/>
      <c r="D24" s="2"/>
      <c r="E24" s="3"/>
      <c r="F24" s="3"/>
      <c r="G24" s="1"/>
    </row>
    <row r="25" spans="1:7" s="51" customFormat="1" x14ac:dyDescent="0.15">
      <c r="A25" s="50"/>
      <c r="B25" s="52"/>
      <c r="C25" s="757" t="s">
        <v>283</v>
      </c>
      <c r="D25" s="757"/>
      <c r="E25" s="757"/>
      <c r="F25" s="757"/>
      <c r="G25" s="757"/>
    </row>
    <row r="26" spans="1:7" s="62" customFormat="1" ht="16.5" thickBot="1" x14ac:dyDescent="0.2">
      <c r="A26" s="56"/>
      <c r="B26" s="57"/>
      <c r="C26" s="58"/>
      <c r="D26" s="59" t="s">
        <v>12</v>
      </c>
      <c r="E26" s="60" t="s">
        <v>284</v>
      </c>
      <c r="F26" s="60" t="s">
        <v>492</v>
      </c>
      <c r="G26" s="61" t="s">
        <v>95</v>
      </c>
    </row>
    <row r="27" spans="1:7" ht="29.25" thickTop="1" x14ac:dyDescent="0.15">
      <c r="A27" s="63"/>
      <c r="B27" s="64"/>
      <c r="C27" s="65"/>
      <c r="D27" s="66">
        <v>1</v>
      </c>
      <c r="E27" s="67" t="s">
        <v>331</v>
      </c>
      <c r="F27" s="67" t="s">
        <v>323</v>
      </c>
      <c r="G27" s="754" t="s">
        <v>1200</v>
      </c>
    </row>
    <row r="28" spans="1:7" ht="24" x14ac:dyDescent="0.15">
      <c r="A28" s="10"/>
      <c r="B28" s="10"/>
      <c r="C28" s="1"/>
      <c r="D28" s="4"/>
      <c r="E28" s="5" t="s">
        <v>35</v>
      </c>
      <c r="F28" s="5" t="s">
        <v>36</v>
      </c>
      <c r="G28" s="752"/>
    </row>
    <row r="29" spans="1:7" ht="16.5" customHeight="1" x14ac:dyDescent="0.15">
      <c r="A29" s="63"/>
      <c r="B29" s="64"/>
      <c r="C29" s="65"/>
      <c r="D29" s="68">
        <v>2</v>
      </c>
      <c r="E29" s="69" t="s">
        <v>334</v>
      </c>
      <c r="F29" s="69" t="s">
        <v>505</v>
      </c>
      <c r="G29" s="752" t="s">
        <v>1200</v>
      </c>
    </row>
    <row r="30" spans="1:7" ht="12.75" customHeight="1" x14ac:dyDescent="0.15">
      <c r="A30" s="10"/>
      <c r="B30" s="10"/>
      <c r="C30" s="1"/>
      <c r="D30" s="4"/>
      <c r="E30" s="5" t="s">
        <v>37</v>
      </c>
      <c r="F30" s="5" t="s">
        <v>38</v>
      </c>
      <c r="G30" s="752"/>
    </row>
    <row r="31" spans="1:7" x14ac:dyDescent="0.15">
      <c r="A31" s="63"/>
      <c r="B31" s="64"/>
      <c r="C31" s="65"/>
      <c r="D31" s="68">
        <v>3</v>
      </c>
      <c r="E31" s="69" t="s">
        <v>335</v>
      </c>
      <c r="F31" s="69" t="s">
        <v>324</v>
      </c>
      <c r="G31" s="752" t="s">
        <v>1200</v>
      </c>
    </row>
    <row r="32" spans="1:7" ht="12.75" customHeight="1" x14ac:dyDescent="0.15">
      <c r="A32" s="10"/>
      <c r="B32" s="10"/>
      <c r="C32" s="1"/>
      <c r="D32" s="4"/>
      <c r="E32" s="5" t="s">
        <v>39</v>
      </c>
      <c r="F32" s="5" t="s">
        <v>38</v>
      </c>
      <c r="G32" s="752"/>
    </row>
    <row r="33" spans="1:7" s="126" customFormat="1" x14ac:dyDescent="0.15">
      <c r="A33" s="162"/>
      <c r="B33" s="163"/>
      <c r="C33" s="750" t="s">
        <v>207</v>
      </c>
      <c r="D33" s="750"/>
      <c r="E33" s="750"/>
      <c r="F33" s="750"/>
      <c r="G33" s="750"/>
    </row>
    <row r="34" spans="1:7" s="126" customFormat="1" ht="12.75" x14ac:dyDescent="0.15">
      <c r="A34" s="164"/>
      <c r="B34" s="164"/>
      <c r="C34" s="751" t="s">
        <v>69</v>
      </c>
      <c r="D34" s="751"/>
      <c r="E34" s="751"/>
      <c r="F34" s="751"/>
      <c r="G34" s="751"/>
    </row>
    <row r="35" spans="1:7" s="126" customFormat="1" x14ac:dyDescent="0.15">
      <c r="A35" s="162"/>
      <c r="B35" s="163"/>
      <c r="C35" s="750" t="s">
        <v>208</v>
      </c>
      <c r="D35" s="750"/>
      <c r="E35" s="750"/>
      <c r="F35" s="750"/>
      <c r="G35" s="750"/>
    </row>
    <row r="36" spans="1:7" s="126" customFormat="1" ht="25.5" customHeight="1" x14ac:dyDescent="0.15">
      <c r="A36" s="164"/>
      <c r="B36" s="164"/>
      <c r="C36" s="751" t="s">
        <v>68</v>
      </c>
      <c r="D36" s="751"/>
      <c r="E36" s="751"/>
      <c r="F36" s="751"/>
      <c r="G36" s="751"/>
    </row>
    <row r="37" spans="1:7" s="126" customFormat="1" x14ac:dyDescent="0.15">
      <c r="A37" s="162"/>
      <c r="B37" s="163"/>
      <c r="C37" s="758" t="s">
        <v>1165</v>
      </c>
      <c r="D37" s="758"/>
      <c r="E37" s="758"/>
      <c r="F37" s="758"/>
      <c r="G37" s="758"/>
    </row>
    <row r="38" spans="1:7" s="126" customFormat="1" ht="12.75" x14ac:dyDescent="0.15">
      <c r="A38" s="164"/>
      <c r="B38" s="164"/>
      <c r="C38" s="759" t="s">
        <v>1162</v>
      </c>
      <c r="D38" s="759"/>
      <c r="E38" s="759"/>
      <c r="F38" s="759"/>
      <c r="G38" s="759"/>
    </row>
    <row r="39" spans="1:7" s="126" customFormat="1" ht="10.5" customHeight="1" x14ac:dyDescent="0.15">
      <c r="A39" s="162"/>
      <c r="B39" s="163"/>
      <c r="C39" s="165"/>
      <c r="D39" s="166"/>
      <c r="E39" s="167"/>
      <c r="F39" s="167"/>
      <c r="G39" s="165"/>
    </row>
    <row r="40" spans="1:7" s="51" customFormat="1" x14ac:dyDescent="0.15">
      <c r="A40" s="50"/>
      <c r="B40" s="52" t="s">
        <v>103</v>
      </c>
      <c r="C40" s="53"/>
      <c r="D40" s="54"/>
      <c r="E40" s="55"/>
      <c r="F40" s="55"/>
      <c r="G40" s="53"/>
    </row>
    <row r="41" spans="1:7" s="51" customFormat="1" ht="12.75" x14ac:dyDescent="0.15">
      <c r="A41" s="10"/>
      <c r="B41" s="13" t="s">
        <v>74</v>
      </c>
      <c r="C41" s="1"/>
      <c r="D41" s="2"/>
      <c r="E41" s="3"/>
      <c r="F41" s="3"/>
      <c r="G41" s="1"/>
    </row>
    <row r="42" spans="1:7" s="51" customFormat="1" ht="15.75" customHeight="1" x14ac:dyDescent="0.15">
      <c r="A42" s="50"/>
      <c r="B42" s="52"/>
      <c r="C42" s="757" t="s">
        <v>283</v>
      </c>
      <c r="D42" s="757"/>
      <c r="E42" s="757"/>
      <c r="F42" s="757"/>
      <c r="G42" s="757"/>
    </row>
    <row r="43" spans="1:7" s="62" customFormat="1" ht="16.5" thickBot="1" x14ac:dyDescent="0.2">
      <c r="A43" s="56"/>
      <c r="B43" s="57"/>
      <c r="C43" s="58"/>
      <c r="D43" s="59" t="s">
        <v>12</v>
      </c>
      <c r="E43" s="60" t="s">
        <v>284</v>
      </c>
      <c r="F43" s="60" t="s">
        <v>285</v>
      </c>
      <c r="G43" s="61" t="s">
        <v>95</v>
      </c>
    </row>
    <row r="44" spans="1:7" ht="29.25" thickTop="1" x14ac:dyDescent="0.15">
      <c r="A44" s="63"/>
      <c r="B44" s="64"/>
      <c r="C44" s="65"/>
      <c r="D44" s="66">
        <v>1</v>
      </c>
      <c r="E44" s="67" t="s">
        <v>332</v>
      </c>
      <c r="F44" s="67" t="s">
        <v>325</v>
      </c>
      <c r="G44" s="754" t="s">
        <v>1200</v>
      </c>
    </row>
    <row r="45" spans="1:7" ht="24" x14ac:dyDescent="0.15">
      <c r="A45" s="10"/>
      <c r="B45" s="10"/>
      <c r="C45" s="1"/>
      <c r="D45" s="4"/>
      <c r="E45" s="5" t="s">
        <v>40</v>
      </c>
      <c r="F45" s="5" t="s">
        <v>41</v>
      </c>
      <c r="G45" s="752"/>
    </row>
    <row r="46" spans="1:7" ht="108" customHeight="1" x14ac:dyDescent="0.15">
      <c r="A46" s="63"/>
      <c r="B46" s="64"/>
      <c r="C46" s="65"/>
      <c r="D46" s="173">
        <v>2</v>
      </c>
      <c r="E46" s="70" t="s">
        <v>333</v>
      </c>
      <c r="F46" s="70" t="s">
        <v>326</v>
      </c>
      <c r="G46" s="752" t="s">
        <v>1200</v>
      </c>
    </row>
    <row r="47" spans="1:7" s="125" customFormat="1" ht="92.25" customHeight="1" x14ac:dyDescent="0.15">
      <c r="A47" s="164"/>
      <c r="B47" s="164"/>
      <c r="C47" s="168"/>
      <c r="D47" s="169"/>
      <c r="E47" s="39" t="s">
        <v>42</v>
      </c>
      <c r="F47" s="39" t="s">
        <v>233</v>
      </c>
      <c r="G47" s="752"/>
    </row>
    <row r="48" spans="1:7" s="125" customFormat="1" ht="28.5" x14ac:dyDescent="0.15">
      <c r="A48" s="170"/>
      <c r="B48" s="171"/>
      <c r="C48" s="172"/>
      <c r="D48" s="173">
        <v>3</v>
      </c>
      <c r="E48" s="70" t="s">
        <v>330</v>
      </c>
      <c r="F48" s="70" t="s">
        <v>327</v>
      </c>
      <c r="G48" s="752" t="s">
        <v>1200</v>
      </c>
    </row>
    <row r="49" spans="1:7" s="125" customFormat="1" ht="24" x14ac:dyDescent="0.15">
      <c r="A49" s="164"/>
      <c r="B49" s="164"/>
      <c r="C49" s="168"/>
      <c r="D49" s="169"/>
      <c r="E49" s="39" t="s">
        <v>43</v>
      </c>
      <c r="F49" s="39" t="s">
        <v>44</v>
      </c>
      <c r="G49" s="752"/>
    </row>
    <row r="50" spans="1:7" ht="44.25" customHeight="1" x14ac:dyDescent="0.15">
      <c r="A50" s="63"/>
      <c r="B50" s="64"/>
      <c r="C50" s="65"/>
      <c r="D50" s="173">
        <v>4</v>
      </c>
      <c r="E50" s="70" t="s">
        <v>506</v>
      </c>
      <c r="F50" s="70" t="s">
        <v>328</v>
      </c>
      <c r="G50" s="752" t="s">
        <v>1200</v>
      </c>
    </row>
    <row r="51" spans="1:7" ht="45" customHeight="1" x14ac:dyDescent="0.15">
      <c r="A51" s="10"/>
      <c r="B51" s="10"/>
      <c r="C51" s="1"/>
      <c r="D51" s="169"/>
      <c r="E51" s="39" t="s">
        <v>356</v>
      </c>
      <c r="F51" s="39" t="s">
        <v>231</v>
      </c>
      <c r="G51" s="752"/>
    </row>
    <row r="52" spans="1:7" s="126" customFormat="1" x14ac:dyDescent="0.15">
      <c r="A52" s="162"/>
      <c r="B52" s="163"/>
      <c r="C52" s="750" t="s">
        <v>207</v>
      </c>
      <c r="D52" s="750"/>
      <c r="E52" s="750"/>
      <c r="F52" s="750"/>
      <c r="G52" s="750"/>
    </row>
    <row r="53" spans="1:7" s="126" customFormat="1" ht="12.75" x14ac:dyDescent="0.15">
      <c r="A53" s="164"/>
      <c r="B53" s="164"/>
      <c r="C53" s="751" t="s">
        <v>69</v>
      </c>
      <c r="D53" s="751"/>
      <c r="E53" s="751"/>
      <c r="F53" s="751"/>
      <c r="G53" s="751"/>
    </row>
    <row r="54" spans="1:7" s="126" customFormat="1" x14ac:dyDescent="0.15">
      <c r="A54" s="162"/>
      <c r="B54" s="163"/>
      <c r="C54" s="750" t="s">
        <v>208</v>
      </c>
      <c r="D54" s="750"/>
      <c r="E54" s="750"/>
      <c r="F54" s="750"/>
      <c r="G54" s="750"/>
    </row>
    <row r="55" spans="1:7" s="126" customFormat="1" ht="25.5" customHeight="1" x14ac:dyDescent="0.15">
      <c r="A55" s="164"/>
      <c r="B55" s="164"/>
      <c r="C55" s="751" t="s">
        <v>68</v>
      </c>
      <c r="D55" s="751"/>
      <c r="E55" s="751"/>
      <c r="F55" s="751"/>
      <c r="G55" s="751"/>
    </row>
    <row r="56" spans="1:7" s="126" customFormat="1" ht="25.5" customHeight="1" x14ac:dyDescent="0.15">
      <c r="A56" s="164"/>
      <c r="B56" s="164"/>
      <c r="C56" s="750" t="s">
        <v>507</v>
      </c>
      <c r="D56" s="750"/>
      <c r="E56" s="750"/>
      <c r="F56" s="750"/>
      <c r="G56" s="750"/>
    </row>
    <row r="57" spans="1:7" s="126" customFormat="1" ht="25.5" customHeight="1" x14ac:dyDescent="0.15">
      <c r="A57" s="164"/>
      <c r="B57" s="164"/>
      <c r="C57" s="751" t="s">
        <v>344</v>
      </c>
      <c r="D57" s="751"/>
      <c r="E57" s="751"/>
      <c r="F57" s="751"/>
      <c r="G57" s="751"/>
    </row>
    <row r="58" spans="1:7" s="126" customFormat="1" ht="21" customHeight="1" x14ac:dyDescent="0.2">
      <c r="A58" s="162"/>
      <c r="B58" s="163"/>
      <c r="C58" s="756" t="s">
        <v>329</v>
      </c>
      <c r="D58" s="756"/>
      <c r="E58" s="756"/>
      <c r="F58" s="756"/>
      <c r="G58" s="756"/>
    </row>
    <row r="59" spans="1:7" s="126" customFormat="1" ht="12.75" x14ac:dyDescent="0.15">
      <c r="A59" s="164"/>
      <c r="B59" s="164"/>
      <c r="C59" s="755" t="s">
        <v>209</v>
      </c>
      <c r="D59" s="755"/>
      <c r="E59" s="755"/>
      <c r="F59" s="755"/>
      <c r="G59" s="755"/>
    </row>
    <row r="60" spans="1:7" s="126" customFormat="1" ht="12.75" x14ac:dyDescent="0.15">
      <c r="A60" s="164"/>
      <c r="B60" s="164"/>
      <c r="C60" s="267"/>
      <c r="D60" s="267"/>
      <c r="E60" s="267"/>
      <c r="F60" s="267"/>
      <c r="G60" s="267"/>
    </row>
    <row r="61" spans="1:7" s="51" customFormat="1" ht="12.75" x14ac:dyDescent="0.15">
      <c r="A61" s="753" t="s">
        <v>114</v>
      </c>
      <c r="B61" s="753"/>
      <c r="C61" s="753"/>
      <c r="D61" s="753"/>
      <c r="E61" s="753"/>
      <c r="F61" s="753"/>
      <c r="G61" s="753"/>
    </row>
    <row r="62" spans="1:7" s="51" customFormat="1" ht="12.75" x14ac:dyDescent="0.15">
      <c r="A62" s="10"/>
      <c r="B62" s="10"/>
      <c r="C62" s="155"/>
      <c r="D62" s="155"/>
      <c r="E62" s="155"/>
      <c r="F62" s="155"/>
      <c r="G62" s="155"/>
    </row>
    <row r="63" spans="1:7" s="51" customFormat="1" ht="12.75" x14ac:dyDescent="0.15">
      <c r="A63" s="10"/>
      <c r="B63" s="10"/>
      <c r="C63" s="155"/>
      <c r="D63" s="155"/>
      <c r="E63" s="155"/>
      <c r="F63" s="155"/>
      <c r="G63" s="155"/>
    </row>
    <row r="64" spans="1:7" s="51" customFormat="1" ht="12.75" x14ac:dyDescent="0.15">
      <c r="A64" s="10"/>
      <c r="B64" s="10"/>
      <c r="C64" s="155"/>
      <c r="D64" s="155"/>
      <c r="E64" s="155"/>
      <c r="F64" s="155"/>
      <c r="G64" s="155"/>
    </row>
    <row r="65" spans="1:7" s="51" customFormat="1" ht="12.75" x14ac:dyDescent="0.15">
      <c r="A65" s="10"/>
      <c r="B65" s="10"/>
      <c r="C65" s="155"/>
      <c r="D65" s="155"/>
      <c r="E65" s="155"/>
      <c r="F65" s="155"/>
      <c r="G65" s="155"/>
    </row>
    <row r="67" spans="1:7" s="51" customFormat="1" ht="12.75" x14ac:dyDescent="0.15">
      <c r="A67" s="10"/>
      <c r="B67" s="10"/>
      <c r="C67" s="1"/>
      <c r="D67" s="2"/>
      <c r="E67" s="3"/>
      <c r="F67" s="3"/>
      <c r="G67" s="1"/>
    </row>
  </sheetData>
  <mergeCells count="24">
    <mergeCell ref="A61:G61"/>
    <mergeCell ref="G44:G45"/>
    <mergeCell ref="C59:G59"/>
    <mergeCell ref="C58:G58"/>
    <mergeCell ref="C25:G25"/>
    <mergeCell ref="C52:G52"/>
    <mergeCell ref="C53:G53"/>
    <mergeCell ref="C54:G54"/>
    <mergeCell ref="C55:G55"/>
    <mergeCell ref="C37:G37"/>
    <mergeCell ref="C38:G38"/>
    <mergeCell ref="C42:G42"/>
    <mergeCell ref="G31:G32"/>
    <mergeCell ref="G29:G30"/>
    <mergeCell ref="G27:G28"/>
    <mergeCell ref="G48:G49"/>
    <mergeCell ref="C56:G56"/>
    <mergeCell ref="C57:G57"/>
    <mergeCell ref="C33:G33"/>
    <mergeCell ref="C34:G34"/>
    <mergeCell ref="G46:G47"/>
    <mergeCell ref="G50:G51"/>
    <mergeCell ref="C35:G35"/>
    <mergeCell ref="C36:G36"/>
  </mergeCells>
  <phoneticPr fontId="9"/>
  <conditionalFormatting sqref="G27">
    <cfRule type="cellIs" dxfId="152" priority="11" operator="equal">
      <formula>"Not Applicable"</formula>
    </cfRule>
  </conditionalFormatting>
  <conditionalFormatting sqref="G44">
    <cfRule type="cellIs" dxfId="151" priority="14" operator="equal">
      <formula>"Not Applicable"</formula>
    </cfRule>
  </conditionalFormatting>
  <conditionalFormatting sqref="G31">
    <cfRule type="cellIs" dxfId="150" priority="9" operator="equal">
      <formula>"Not Applicable"</formula>
    </cfRule>
  </conditionalFormatting>
  <conditionalFormatting sqref="G29">
    <cfRule type="cellIs" dxfId="149" priority="6" operator="equal">
      <formula>"Not Applicable"</formula>
    </cfRule>
  </conditionalFormatting>
  <conditionalFormatting sqref="G48">
    <cfRule type="cellIs" dxfId="148" priority="4" operator="equal">
      <formula>"Not Applicable"</formula>
    </cfRule>
  </conditionalFormatting>
  <conditionalFormatting sqref="G50">
    <cfRule type="cellIs" dxfId="147" priority="3" operator="equal">
      <formula>"Not Applicable"</formula>
    </cfRule>
  </conditionalFormatting>
  <conditionalFormatting sqref="G46">
    <cfRule type="cellIs" dxfId="146" priority="1" operator="equal">
      <formula>"Not Applicable"</formula>
    </cfRule>
  </conditionalFormatting>
  <dataValidations disablePrompts="1" count="3">
    <dataValidation type="list" showInputMessage="1" showErrorMessage="1" promptTitle="入力内容" prompt="判定基準を満たす： Applicable_x000a_満たさない： Not Applicable" sqref="G48:G51">
      <formula1>"&lt; Applicable　　　　 / Not Applicable &gt;,Applicable,Not Applicable"</formula1>
    </dataValidation>
    <dataValidation type="list" showInputMessage="1" showErrorMessage="1" promptTitle="入力内容" prompt="判定基準を満たす： Applicable_x000a_満たさない： Not Applicable" sqref="G29:G32 G44:G47">
      <formula1>"&lt; Applicable　　　　 / Not Applicable &gt;,Applicable,Not Applicable"</formula1>
    </dataValidation>
    <dataValidation type="list" showInputMessage="1" showErrorMessage="1" promptTitle="入力内容" prompt="判定基準を満たす： Applicable_x000a_満たさない： Not Applicable" sqref="G27:G28">
      <formula1>"&lt; Applicable　　　　 / Not Applicable &gt;,Applicable,Not Applicable"</formula1>
    </dataValidation>
  </dataValidations>
  <printOptions horizontalCentered="1"/>
  <pageMargins left="0.59055118110236227" right="0.59055118110236227" top="0.59055118110236227" bottom="0.59055118110236227" header="0.31496062992125984" footer="0.31496062992125984"/>
  <pageSetup paperSize="9" scale="62" orientation="portrait" r:id="rId1"/>
  <headerFooter>
    <oddFooter>&amp;RV.13.0 (revised on Nov. 2021)</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F0"/>
  </sheetPr>
  <dimension ref="A1:G144"/>
  <sheetViews>
    <sheetView showGridLines="0" view="pageBreakPreview" zoomScale="90" zoomScaleNormal="100" zoomScaleSheetLayoutView="90" workbookViewId="0"/>
  </sheetViews>
  <sheetFormatPr defaultColWidth="0.7109375" defaultRowHeight="15.75" x14ac:dyDescent="0.15"/>
  <cols>
    <col min="1" max="1" width="1.42578125" style="45" customWidth="1"/>
    <col min="2" max="2" width="1.42578125" style="43" customWidth="1"/>
    <col min="3" max="3" width="0.7109375" style="41" customWidth="1"/>
    <col min="4" max="4" width="4.7109375" style="62" bestFit="1" customWidth="1"/>
    <col min="5" max="5" width="46.7109375" style="41" customWidth="1"/>
    <col min="6" max="6" width="70.7109375" style="41" customWidth="1"/>
    <col min="7" max="7" width="19.140625" style="41" customWidth="1"/>
    <col min="8" max="8" width="7.140625" style="41" customWidth="1"/>
    <col min="9" max="16384" width="0.7109375" style="41"/>
  </cols>
  <sheetData>
    <row r="1" spans="1:7" x14ac:dyDescent="0.15">
      <c r="G1" s="9">
        <f>A.RoHS!G1</f>
        <v>0</v>
      </c>
    </row>
    <row r="2" spans="1:7" s="51" customFormat="1" x14ac:dyDescent="0.15">
      <c r="A2" s="50" t="s">
        <v>469</v>
      </c>
      <c r="B2" s="52"/>
      <c r="C2" s="53"/>
      <c r="D2" s="54"/>
      <c r="E2" s="55"/>
      <c r="F2" s="55"/>
      <c r="G2" s="53"/>
    </row>
    <row r="3" spans="1:7" s="51" customFormat="1" ht="12.75" x14ac:dyDescent="0.15">
      <c r="A3" s="10"/>
      <c r="B3" s="10"/>
      <c r="C3" s="1"/>
      <c r="D3" s="2"/>
      <c r="E3" s="3"/>
      <c r="F3" s="3"/>
      <c r="G3" s="1"/>
    </row>
    <row r="4" spans="1:7" s="51" customFormat="1" x14ac:dyDescent="0.15">
      <c r="A4" s="50"/>
      <c r="B4" s="52" t="s">
        <v>104</v>
      </c>
      <c r="C4" s="53"/>
      <c r="D4" s="54"/>
      <c r="E4" s="55"/>
      <c r="F4" s="55"/>
      <c r="G4" s="53"/>
    </row>
    <row r="5" spans="1:7" s="51" customFormat="1" ht="12.75" x14ac:dyDescent="0.15">
      <c r="A5" s="10"/>
      <c r="B5" s="13" t="s">
        <v>73</v>
      </c>
      <c r="C5" s="1"/>
      <c r="D5" s="2"/>
      <c r="E5" s="3"/>
      <c r="F5" s="3"/>
      <c r="G5" s="1"/>
    </row>
    <row r="6" spans="1:7" s="51" customFormat="1" x14ac:dyDescent="0.15">
      <c r="A6" s="50"/>
      <c r="B6" s="52"/>
      <c r="C6" s="757" t="s">
        <v>283</v>
      </c>
      <c r="D6" s="757"/>
      <c r="E6" s="757"/>
      <c r="F6" s="757"/>
      <c r="G6" s="757"/>
    </row>
    <row r="7" spans="1:7" s="62" customFormat="1" ht="16.5" thickBot="1" x14ac:dyDescent="0.2">
      <c r="A7" s="56"/>
      <c r="B7" s="57"/>
      <c r="C7" s="58"/>
      <c r="D7" s="59" t="s">
        <v>12</v>
      </c>
      <c r="E7" s="60" t="s">
        <v>470</v>
      </c>
      <c r="F7" s="60" t="s">
        <v>285</v>
      </c>
      <c r="G7" s="61" t="s">
        <v>95</v>
      </c>
    </row>
    <row r="8" spans="1:7" ht="16.5" thickTop="1" x14ac:dyDescent="0.15">
      <c r="A8" s="63"/>
      <c r="B8" s="64"/>
      <c r="C8" s="65"/>
      <c r="D8" s="66">
        <v>1</v>
      </c>
      <c r="E8" s="67" t="s">
        <v>471</v>
      </c>
      <c r="F8" s="67" t="s">
        <v>472</v>
      </c>
      <c r="G8" s="754" t="s">
        <v>1200</v>
      </c>
    </row>
    <row r="9" spans="1:7" ht="12.75" customHeight="1" x14ac:dyDescent="0.15">
      <c r="A9" s="10"/>
      <c r="B9" s="10"/>
      <c r="C9" s="1"/>
      <c r="D9" s="4"/>
      <c r="E9" s="5" t="s">
        <v>45</v>
      </c>
      <c r="F9" s="5" t="s">
        <v>46</v>
      </c>
      <c r="G9" s="752"/>
    </row>
    <row r="10" spans="1:7" ht="15.75" customHeight="1" x14ac:dyDescent="0.15">
      <c r="A10" s="63"/>
      <c r="B10" s="64"/>
      <c r="C10" s="65"/>
      <c r="D10" s="68">
        <v>2</v>
      </c>
      <c r="E10" s="69" t="s">
        <v>473</v>
      </c>
      <c r="F10" s="69" t="s">
        <v>472</v>
      </c>
      <c r="G10" s="752" t="s">
        <v>1200</v>
      </c>
    </row>
    <row r="11" spans="1:7" ht="12.75" customHeight="1" x14ac:dyDescent="0.15">
      <c r="A11" s="10"/>
      <c r="B11" s="10"/>
      <c r="C11" s="1"/>
      <c r="D11" s="4"/>
      <c r="E11" s="5" t="s">
        <v>47</v>
      </c>
      <c r="F11" s="5" t="s">
        <v>46</v>
      </c>
      <c r="G11" s="752"/>
    </row>
    <row r="12" spans="1:7" ht="27.75" customHeight="1" x14ac:dyDescent="0.15">
      <c r="A12" s="63"/>
      <c r="B12" s="64"/>
      <c r="C12" s="65"/>
      <c r="D12" s="68">
        <v>3</v>
      </c>
      <c r="E12" s="69" t="s">
        <v>474</v>
      </c>
      <c r="F12" s="69" t="s">
        <v>475</v>
      </c>
      <c r="G12" s="752" t="s">
        <v>1200</v>
      </c>
    </row>
    <row r="13" spans="1:7" ht="12.75" x14ac:dyDescent="0.15">
      <c r="A13" s="10"/>
      <c r="B13" s="10"/>
      <c r="C13" s="1"/>
      <c r="D13" s="4"/>
      <c r="E13" s="5" t="s">
        <v>34</v>
      </c>
      <c r="F13" s="5" t="s">
        <v>48</v>
      </c>
      <c r="G13" s="752"/>
    </row>
    <row r="14" spans="1:7" ht="15.75" customHeight="1" x14ac:dyDescent="0.15">
      <c r="A14" s="63"/>
      <c r="B14" s="64"/>
      <c r="C14" s="65"/>
      <c r="D14" s="68">
        <v>4</v>
      </c>
      <c r="E14" s="70" t="s">
        <v>476</v>
      </c>
      <c r="F14" s="69" t="s">
        <v>288</v>
      </c>
      <c r="G14" s="752" t="s">
        <v>1200</v>
      </c>
    </row>
    <row r="15" spans="1:7" ht="12.75" customHeight="1" x14ac:dyDescent="0.15">
      <c r="A15" s="10"/>
      <c r="B15" s="10"/>
      <c r="C15" s="1"/>
      <c r="D15" s="4"/>
      <c r="E15" s="5" t="s">
        <v>108</v>
      </c>
      <c r="F15" s="5" t="s">
        <v>109</v>
      </c>
      <c r="G15" s="752"/>
    </row>
    <row r="16" spans="1:7" ht="15.75" customHeight="1" x14ac:dyDescent="0.15">
      <c r="A16" s="63"/>
      <c r="B16" s="64"/>
      <c r="C16" s="65"/>
      <c r="D16" s="68">
        <v>5</v>
      </c>
      <c r="E16" s="69" t="s">
        <v>477</v>
      </c>
      <c r="F16" s="69" t="s">
        <v>478</v>
      </c>
      <c r="G16" s="752" t="s">
        <v>1200</v>
      </c>
    </row>
    <row r="17" spans="1:7" ht="12.75" customHeight="1" x14ac:dyDescent="0.15">
      <c r="A17" s="10"/>
      <c r="B17" s="10"/>
      <c r="C17" s="1"/>
      <c r="D17" s="4"/>
      <c r="E17" s="5" t="s">
        <v>49</v>
      </c>
      <c r="F17" s="5" t="s">
        <v>50</v>
      </c>
      <c r="G17" s="752"/>
    </row>
    <row r="18" spans="1:7" ht="15.75" customHeight="1" x14ac:dyDescent="0.15">
      <c r="A18" s="63"/>
      <c r="B18" s="64"/>
      <c r="C18" s="65"/>
      <c r="D18" s="68">
        <v>6</v>
      </c>
      <c r="E18" s="69" t="s">
        <v>479</v>
      </c>
      <c r="F18" s="69" t="s">
        <v>475</v>
      </c>
      <c r="G18" s="752" t="s">
        <v>1200</v>
      </c>
    </row>
    <row r="19" spans="1:7" ht="12.75" customHeight="1" x14ac:dyDescent="0.15">
      <c r="A19" s="10"/>
      <c r="B19" s="10"/>
      <c r="C19" s="1"/>
      <c r="D19" s="4"/>
      <c r="E19" s="5" t="s">
        <v>51</v>
      </c>
      <c r="F19" s="5" t="s">
        <v>48</v>
      </c>
      <c r="G19" s="752"/>
    </row>
    <row r="20" spans="1:7" ht="15.75" customHeight="1" x14ac:dyDescent="0.15">
      <c r="A20" s="63"/>
      <c r="B20" s="64"/>
      <c r="C20" s="65"/>
      <c r="D20" s="68">
        <v>7</v>
      </c>
      <c r="E20" s="69" t="s">
        <v>480</v>
      </c>
      <c r="F20" s="69" t="s">
        <v>481</v>
      </c>
      <c r="G20" s="752" t="s">
        <v>1200</v>
      </c>
    </row>
    <row r="21" spans="1:7" ht="12.75" customHeight="1" x14ac:dyDescent="0.15">
      <c r="A21" s="10"/>
      <c r="B21" s="10"/>
      <c r="C21" s="1"/>
      <c r="D21" s="4"/>
      <c r="E21" s="5" t="s">
        <v>52</v>
      </c>
      <c r="F21" s="5" t="s">
        <v>53</v>
      </c>
      <c r="G21" s="752"/>
    </row>
    <row r="22" spans="1:7" ht="28.5" x14ac:dyDescent="0.15">
      <c r="A22" s="63"/>
      <c r="B22" s="64"/>
      <c r="C22" s="65"/>
      <c r="D22" s="68">
        <v>8</v>
      </c>
      <c r="E22" s="69" t="s">
        <v>482</v>
      </c>
      <c r="F22" s="69" t="s">
        <v>475</v>
      </c>
      <c r="G22" s="752" t="s">
        <v>1200</v>
      </c>
    </row>
    <row r="23" spans="1:7" ht="29.25" customHeight="1" x14ac:dyDescent="0.15">
      <c r="A23" s="10"/>
      <c r="B23" s="10"/>
      <c r="C23" s="1"/>
      <c r="D23" s="4"/>
      <c r="E23" s="5" t="s">
        <v>119</v>
      </c>
      <c r="F23" s="5" t="s">
        <v>48</v>
      </c>
      <c r="G23" s="752"/>
    </row>
    <row r="24" spans="1:7" s="125" customFormat="1" ht="15.75" customHeight="1" x14ac:dyDescent="0.15">
      <c r="A24" s="170"/>
      <c r="B24" s="171"/>
      <c r="C24" s="172"/>
      <c r="D24" s="173">
        <v>9</v>
      </c>
      <c r="E24" s="70" t="s">
        <v>483</v>
      </c>
      <c r="F24" s="70" t="s">
        <v>484</v>
      </c>
      <c r="G24" s="752" t="s">
        <v>1200</v>
      </c>
    </row>
    <row r="25" spans="1:7" s="125" customFormat="1" ht="12.75" customHeight="1" x14ac:dyDescent="0.15">
      <c r="A25" s="164"/>
      <c r="B25" s="164"/>
      <c r="C25" s="168"/>
      <c r="D25" s="169"/>
      <c r="E25" s="39" t="s">
        <v>91</v>
      </c>
      <c r="F25" s="39" t="s">
        <v>210</v>
      </c>
      <c r="G25" s="752"/>
    </row>
    <row r="26" spans="1:7" s="125" customFormat="1" ht="15.75" customHeight="1" x14ac:dyDescent="0.15">
      <c r="A26" s="170"/>
      <c r="B26" s="171"/>
      <c r="C26" s="172"/>
      <c r="D26" s="173">
        <v>10</v>
      </c>
      <c r="E26" s="70" t="s">
        <v>485</v>
      </c>
      <c r="F26" s="70" t="s">
        <v>289</v>
      </c>
      <c r="G26" s="752" t="s">
        <v>1200</v>
      </c>
    </row>
    <row r="27" spans="1:7" s="125" customFormat="1" ht="12.75" customHeight="1" x14ac:dyDescent="0.15">
      <c r="A27" s="164"/>
      <c r="B27" s="164"/>
      <c r="C27" s="168"/>
      <c r="D27" s="169"/>
      <c r="E27" s="39" t="s">
        <v>54</v>
      </c>
      <c r="F27" s="39" t="s">
        <v>46</v>
      </c>
      <c r="G27" s="752"/>
    </row>
    <row r="28" spans="1:7" s="125" customFormat="1" ht="15.75" customHeight="1" x14ac:dyDescent="0.15">
      <c r="A28" s="170"/>
      <c r="B28" s="171"/>
      <c r="C28" s="172"/>
      <c r="D28" s="173">
        <v>11</v>
      </c>
      <c r="E28" s="70" t="s">
        <v>290</v>
      </c>
      <c r="F28" s="70" t="s">
        <v>486</v>
      </c>
      <c r="G28" s="752" t="s">
        <v>1200</v>
      </c>
    </row>
    <row r="29" spans="1:7" s="125" customFormat="1" ht="12.75" customHeight="1" x14ac:dyDescent="0.15">
      <c r="A29" s="164"/>
      <c r="B29" s="164"/>
      <c r="C29" s="168"/>
      <c r="D29" s="169"/>
      <c r="E29" s="39" t="s">
        <v>55</v>
      </c>
      <c r="F29" s="39" t="s">
        <v>56</v>
      </c>
      <c r="G29" s="752"/>
    </row>
    <row r="30" spans="1:7" s="125" customFormat="1" ht="15.75" customHeight="1" x14ac:dyDescent="0.15">
      <c r="A30" s="170"/>
      <c r="B30" s="171"/>
      <c r="C30" s="172"/>
      <c r="D30" s="173">
        <v>12</v>
      </c>
      <c r="E30" s="70" t="s">
        <v>487</v>
      </c>
      <c r="F30" s="70" t="s">
        <v>291</v>
      </c>
      <c r="G30" s="752" t="s">
        <v>1200</v>
      </c>
    </row>
    <row r="31" spans="1:7" s="125" customFormat="1" ht="12.75" customHeight="1" x14ac:dyDescent="0.15">
      <c r="A31" s="164"/>
      <c r="B31" s="164"/>
      <c r="C31" s="168"/>
      <c r="D31" s="169"/>
      <c r="E31" s="39" t="s">
        <v>57</v>
      </c>
      <c r="F31" s="39" t="s">
        <v>48</v>
      </c>
      <c r="G31" s="752"/>
    </row>
    <row r="32" spans="1:7" s="125" customFormat="1" ht="15.75" customHeight="1" x14ac:dyDescent="0.15">
      <c r="A32" s="170"/>
      <c r="B32" s="171"/>
      <c r="C32" s="172"/>
      <c r="D32" s="173">
        <v>13</v>
      </c>
      <c r="E32" s="70" t="s">
        <v>488</v>
      </c>
      <c r="F32" s="70" t="s">
        <v>489</v>
      </c>
      <c r="G32" s="752" t="s">
        <v>1200</v>
      </c>
    </row>
    <row r="33" spans="1:7" s="125" customFormat="1" ht="12.75" customHeight="1" x14ac:dyDescent="0.15">
      <c r="A33" s="164"/>
      <c r="B33" s="164"/>
      <c r="C33" s="168"/>
      <c r="D33" s="169"/>
      <c r="E33" s="39" t="s">
        <v>58</v>
      </c>
      <c r="F33" s="39" t="s">
        <v>48</v>
      </c>
      <c r="G33" s="752"/>
    </row>
    <row r="34" spans="1:7" s="125" customFormat="1" x14ac:dyDescent="0.15">
      <c r="A34" s="170"/>
      <c r="B34" s="171"/>
      <c r="C34" s="172"/>
      <c r="D34" s="173">
        <v>14</v>
      </c>
      <c r="E34" s="70" t="s">
        <v>1205</v>
      </c>
      <c r="F34" s="70" t="s">
        <v>490</v>
      </c>
      <c r="G34" s="752" t="s">
        <v>1200</v>
      </c>
    </row>
    <row r="35" spans="1:7" s="125" customFormat="1" ht="12.75" customHeight="1" x14ac:dyDescent="0.15">
      <c r="A35" s="164"/>
      <c r="B35" s="164"/>
      <c r="C35" s="168"/>
      <c r="D35" s="169"/>
      <c r="E35" s="39" t="s">
        <v>59</v>
      </c>
      <c r="F35" s="39" t="s">
        <v>60</v>
      </c>
      <c r="G35" s="752"/>
    </row>
    <row r="36" spans="1:7" s="125" customFormat="1" x14ac:dyDescent="0.15">
      <c r="A36" s="170"/>
      <c r="B36" s="171"/>
      <c r="C36" s="172"/>
      <c r="D36" s="173">
        <v>15</v>
      </c>
      <c r="E36" s="646" t="s">
        <v>1206</v>
      </c>
      <c r="F36" s="70" t="s">
        <v>1208</v>
      </c>
      <c r="G36" s="752" t="s">
        <v>1200</v>
      </c>
    </row>
    <row r="37" spans="1:7" s="125" customFormat="1" ht="12.75" customHeight="1" x14ac:dyDescent="0.15">
      <c r="A37" s="164"/>
      <c r="B37" s="164"/>
      <c r="C37" s="168"/>
      <c r="D37" s="169"/>
      <c r="E37" s="39" t="s">
        <v>1207</v>
      </c>
      <c r="F37" s="39" t="s">
        <v>1209</v>
      </c>
      <c r="G37" s="752"/>
    </row>
    <row r="38" spans="1:7" s="126" customFormat="1" x14ac:dyDescent="0.15">
      <c r="A38" s="162"/>
      <c r="B38" s="163"/>
      <c r="C38" s="750" t="s">
        <v>491</v>
      </c>
      <c r="D38" s="750"/>
      <c r="E38" s="750"/>
      <c r="F38" s="750"/>
      <c r="G38" s="750"/>
    </row>
    <row r="39" spans="1:7" s="126" customFormat="1" ht="12.75" x14ac:dyDescent="0.15">
      <c r="A39" s="164"/>
      <c r="B39" s="164"/>
      <c r="C39" s="751" t="s">
        <v>69</v>
      </c>
      <c r="D39" s="751"/>
      <c r="E39" s="751"/>
      <c r="F39" s="751"/>
      <c r="G39" s="751"/>
    </row>
    <row r="40" spans="1:7" s="126" customFormat="1" ht="18.75" customHeight="1" x14ac:dyDescent="0.2">
      <c r="A40" s="162"/>
      <c r="B40" s="163"/>
      <c r="C40" s="767" t="s">
        <v>1167</v>
      </c>
      <c r="D40" s="767"/>
      <c r="E40" s="767"/>
      <c r="F40" s="767"/>
      <c r="G40" s="767"/>
    </row>
    <row r="41" spans="1:7" s="126" customFormat="1" ht="12.75" customHeight="1" x14ac:dyDescent="0.15">
      <c r="A41" s="164"/>
      <c r="B41" s="164"/>
      <c r="C41" s="759" t="s">
        <v>1168</v>
      </c>
      <c r="D41" s="759"/>
      <c r="E41" s="759"/>
      <c r="F41" s="759"/>
      <c r="G41" s="759"/>
    </row>
    <row r="42" spans="1:7" s="126" customFormat="1" x14ac:dyDescent="0.15">
      <c r="A42" s="162"/>
      <c r="B42" s="163"/>
      <c r="C42" s="165"/>
      <c r="D42" s="166"/>
      <c r="E42" s="167"/>
      <c r="F42" s="167"/>
      <c r="G42" s="165"/>
    </row>
    <row r="43" spans="1:7" s="51" customFormat="1" x14ac:dyDescent="0.15">
      <c r="A43" s="50"/>
      <c r="B43" s="52" t="s">
        <v>105</v>
      </c>
      <c r="C43" s="53"/>
      <c r="D43" s="54"/>
      <c r="E43" s="55"/>
      <c r="F43" s="55"/>
      <c r="G43" s="53"/>
    </row>
    <row r="44" spans="1:7" s="51" customFormat="1" ht="12.75" x14ac:dyDescent="0.15">
      <c r="A44" s="10"/>
      <c r="B44" s="13" t="s">
        <v>74</v>
      </c>
      <c r="C44" s="1"/>
      <c r="D44" s="2"/>
      <c r="E44" s="3"/>
      <c r="F44" s="3"/>
      <c r="G44" s="1"/>
    </row>
    <row r="45" spans="1:7" s="51" customFormat="1" x14ac:dyDescent="0.15">
      <c r="A45" s="50"/>
      <c r="B45" s="52"/>
      <c r="C45" s="757" t="s">
        <v>283</v>
      </c>
      <c r="D45" s="757"/>
      <c r="E45" s="757"/>
      <c r="F45" s="757"/>
      <c r="G45" s="757"/>
    </row>
    <row r="46" spans="1:7" s="62" customFormat="1" ht="16.5" thickBot="1" x14ac:dyDescent="0.2">
      <c r="A46" s="56"/>
      <c r="B46" s="57"/>
      <c r="C46" s="58"/>
      <c r="D46" s="59" t="s">
        <v>12</v>
      </c>
      <c r="E46" s="60" t="s">
        <v>470</v>
      </c>
      <c r="F46" s="60" t="s">
        <v>492</v>
      </c>
      <c r="G46" s="61" t="s">
        <v>95</v>
      </c>
    </row>
    <row r="47" spans="1:7" ht="16.5" thickTop="1" x14ac:dyDescent="0.15">
      <c r="A47" s="63"/>
      <c r="B47" s="64"/>
      <c r="C47" s="65"/>
      <c r="D47" s="66">
        <v>1</v>
      </c>
      <c r="E47" s="67" t="s">
        <v>493</v>
      </c>
      <c r="F47" s="67" t="s">
        <v>286</v>
      </c>
      <c r="G47" s="754" t="s">
        <v>1200</v>
      </c>
    </row>
    <row r="48" spans="1:7" ht="12.75" customHeight="1" x14ac:dyDescent="0.15">
      <c r="A48" s="10"/>
      <c r="B48" s="10"/>
      <c r="C48" s="1"/>
      <c r="D48" s="4"/>
      <c r="E48" s="5" t="s">
        <v>1</v>
      </c>
      <c r="F48" s="5" t="s">
        <v>46</v>
      </c>
      <c r="G48" s="752"/>
    </row>
    <row r="49" spans="1:7" ht="15.75" customHeight="1" x14ac:dyDescent="0.15">
      <c r="A49" s="63"/>
      <c r="B49" s="64"/>
      <c r="C49" s="65"/>
      <c r="D49" s="68">
        <v>2</v>
      </c>
      <c r="E49" s="69" t="s">
        <v>293</v>
      </c>
      <c r="F49" s="69" t="s">
        <v>287</v>
      </c>
      <c r="G49" s="752" t="s">
        <v>1200</v>
      </c>
    </row>
    <row r="50" spans="1:7" ht="12.75" customHeight="1" x14ac:dyDescent="0.15">
      <c r="A50" s="10"/>
      <c r="B50" s="10"/>
      <c r="C50" s="1"/>
      <c r="D50" s="4"/>
      <c r="E50" s="5" t="s">
        <v>2</v>
      </c>
      <c r="F50" s="5" t="s">
        <v>48</v>
      </c>
      <c r="G50" s="752"/>
    </row>
    <row r="51" spans="1:7" ht="15.75" customHeight="1" x14ac:dyDescent="0.15">
      <c r="A51" s="63"/>
      <c r="B51" s="64"/>
      <c r="C51" s="65"/>
      <c r="D51" s="68">
        <v>3</v>
      </c>
      <c r="E51" s="69" t="s">
        <v>294</v>
      </c>
      <c r="F51" s="69" t="s">
        <v>287</v>
      </c>
      <c r="G51" s="752" t="s">
        <v>1200</v>
      </c>
    </row>
    <row r="52" spans="1:7" ht="12.75" customHeight="1" x14ac:dyDescent="0.15">
      <c r="A52" s="10"/>
      <c r="B52" s="10"/>
      <c r="C52" s="1"/>
      <c r="D52" s="4"/>
      <c r="E52" s="5" t="s">
        <v>3</v>
      </c>
      <c r="F52" s="5" t="s">
        <v>48</v>
      </c>
      <c r="G52" s="752"/>
    </row>
    <row r="53" spans="1:7" ht="42.75" x14ac:dyDescent="0.15">
      <c r="A53" s="63"/>
      <c r="B53" s="64"/>
      <c r="C53" s="65"/>
      <c r="D53" s="68">
        <v>4</v>
      </c>
      <c r="E53" s="70" t="s">
        <v>494</v>
      </c>
      <c r="F53" s="70" t="s">
        <v>295</v>
      </c>
      <c r="G53" s="752" t="s">
        <v>1200</v>
      </c>
    </row>
    <row r="54" spans="1:7" ht="62.25" customHeight="1" x14ac:dyDescent="0.15">
      <c r="A54" s="10"/>
      <c r="B54" s="10"/>
      <c r="C54" s="1"/>
      <c r="D54" s="4"/>
      <c r="E54" s="39" t="s">
        <v>128</v>
      </c>
      <c r="F54" s="39" t="s">
        <v>236</v>
      </c>
      <c r="G54" s="752"/>
    </row>
    <row r="55" spans="1:7" ht="15.75" customHeight="1" x14ac:dyDescent="0.15">
      <c r="A55" s="63"/>
      <c r="B55" s="64"/>
      <c r="C55" s="65"/>
      <c r="D55" s="68">
        <v>5</v>
      </c>
      <c r="E55" s="69" t="s">
        <v>296</v>
      </c>
      <c r="F55" s="69" t="s">
        <v>287</v>
      </c>
      <c r="G55" s="752" t="s">
        <v>1200</v>
      </c>
    </row>
    <row r="56" spans="1:7" ht="12.75" customHeight="1" x14ac:dyDescent="0.15">
      <c r="A56" s="10"/>
      <c r="B56" s="10"/>
      <c r="C56" s="1"/>
      <c r="D56" s="4"/>
      <c r="E56" s="5" t="s">
        <v>4</v>
      </c>
      <c r="F56" s="5" t="s">
        <v>1212</v>
      </c>
      <c r="G56" s="752"/>
    </row>
    <row r="57" spans="1:7" ht="46.5" customHeight="1" x14ac:dyDescent="0.15">
      <c r="A57" s="63"/>
      <c r="B57" s="64"/>
      <c r="C57" s="65"/>
      <c r="D57" s="68">
        <v>6</v>
      </c>
      <c r="E57" s="69" t="s">
        <v>495</v>
      </c>
      <c r="F57" s="70" t="s">
        <v>357</v>
      </c>
      <c r="G57" s="752" t="s">
        <v>1200</v>
      </c>
    </row>
    <row r="58" spans="1:7" ht="46.5" customHeight="1" x14ac:dyDescent="0.15">
      <c r="A58" s="10"/>
      <c r="B58" s="10"/>
      <c r="C58" s="1"/>
      <c r="D58" s="4"/>
      <c r="E58" s="5" t="s">
        <v>32</v>
      </c>
      <c r="F58" s="39" t="s">
        <v>496</v>
      </c>
      <c r="G58" s="752"/>
    </row>
    <row r="59" spans="1:7" ht="15.75" customHeight="1" x14ac:dyDescent="0.15">
      <c r="A59" s="63"/>
      <c r="B59" s="64"/>
      <c r="C59" s="65"/>
      <c r="D59" s="68">
        <v>7</v>
      </c>
      <c r="E59" s="69" t="s">
        <v>297</v>
      </c>
      <c r="F59" s="69" t="s">
        <v>475</v>
      </c>
      <c r="G59" s="752" t="s">
        <v>1200</v>
      </c>
    </row>
    <row r="60" spans="1:7" ht="12.75" customHeight="1" x14ac:dyDescent="0.15">
      <c r="A60" s="10"/>
      <c r="B60" s="10"/>
      <c r="C60" s="1"/>
      <c r="D60" s="4"/>
      <c r="E60" s="5" t="s">
        <v>5</v>
      </c>
      <c r="F60" s="5" t="s">
        <v>61</v>
      </c>
      <c r="G60" s="752"/>
    </row>
    <row r="61" spans="1:7" ht="28.5" x14ac:dyDescent="0.15">
      <c r="A61" s="63"/>
      <c r="B61" s="64"/>
      <c r="C61" s="65"/>
      <c r="D61" s="68">
        <v>8</v>
      </c>
      <c r="E61" s="69" t="s">
        <v>298</v>
      </c>
      <c r="F61" s="69" t="s">
        <v>299</v>
      </c>
      <c r="G61" s="752" t="s">
        <v>1200</v>
      </c>
    </row>
    <row r="62" spans="1:7" ht="36" x14ac:dyDescent="0.15">
      <c r="A62" s="10"/>
      <c r="B62" s="10"/>
      <c r="C62" s="1"/>
      <c r="D62" s="4"/>
      <c r="E62" s="5" t="s">
        <v>6</v>
      </c>
      <c r="F62" s="5" t="s">
        <v>66</v>
      </c>
      <c r="G62" s="752"/>
    </row>
    <row r="63" spans="1:7" ht="29.25" customHeight="1" x14ac:dyDescent="0.15">
      <c r="A63" s="63"/>
      <c r="B63" s="64"/>
      <c r="C63" s="65"/>
      <c r="D63" s="68">
        <v>9</v>
      </c>
      <c r="E63" s="69" t="s">
        <v>300</v>
      </c>
      <c r="F63" s="69" t="s">
        <v>301</v>
      </c>
      <c r="G63" s="752" t="s">
        <v>1200</v>
      </c>
    </row>
    <row r="64" spans="1:7" ht="24" x14ac:dyDescent="0.15">
      <c r="A64" s="10"/>
      <c r="B64" s="10"/>
      <c r="C64" s="1"/>
      <c r="D64" s="4"/>
      <c r="E64" s="5" t="s">
        <v>7</v>
      </c>
      <c r="F64" s="5" t="s">
        <v>62</v>
      </c>
      <c r="G64" s="752"/>
    </row>
    <row r="65" spans="1:7" s="125" customFormat="1" x14ac:dyDescent="0.15">
      <c r="A65" s="170"/>
      <c r="B65" s="171"/>
      <c r="C65" s="172"/>
      <c r="D65" s="173">
        <v>10</v>
      </c>
      <c r="E65" s="70" t="s">
        <v>302</v>
      </c>
      <c r="F65" s="70" t="s">
        <v>489</v>
      </c>
      <c r="G65" s="752" t="s">
        <v>1200</v>
      </c>
    </row>
    <row r="66" spans="1:7" s="125" customFormat="1" ht="12.75" customHeight="1" x14ac:dyDescent="0.15">
      <c r="A66" s="164"/>
      <c r="B66" s="164"/>
      <c r="C66" s="168"/>
      <c r="D66" s="169"/>
      <c r="E66" s="39" t="s">
        <v>211</v>
      </c>
      <c r="F66" s="39" t="s">
        <v>48</v>
      </c>
      <c r="G66" s="752"/>
    </row>
    <row r="67" spans="1:7" s="125" customFormat="1" ht="15.75" customHeight="1" x14ac:dyDescent="0.15">
      <c r="A67" s="170"/>
      <c r="B67" s="171"/>
      <c r="C67" s="172"/>
      <c r="D67" s="173">
        <v>11</v>
      </c>
      <c r="E67" s="70" t="s">
        <v>303</v>
      </c>
      <c r="F67" s="70" t="s">
        <v>497</v>
      </c>
      <c r="G67" s="752" t="s">
        <v>1200</v>
      </c>
    </row>
    <row r="68" spans="1:7" s="125" customFormat="1" ht="12.75" customHeight="1" x14ac:dyDescent="0.15">
      <c r="A68" s="164"/>
      <c r="B68" s="164"/>
      <c r="C68" s="168"/>
      <c r="D68" s="169"/>
      <c r="E68" s="39" t="s">
        <v>125</v>
      </c>
      <c r="F68" s="39" t="s">
        <v>46</v>
      </c>
      <c r="G68" s="752"/>
    </row>
    <row r="69" spans="1:7" s="125" customFormat="1" ht="15.75" customHeight="1" x14ac:dyDescent="0.15">
      <c r="A69" s="170"/>
      <c r="B69" s="171"/>
      <c r="C69" s="172"/>
      <c r="D69" s="173">
        <v>12</v>
      </c>
      <c r="E69" s="70" t="s">
        <v>304</v>
      </c>
      <c r="F69" s="70" t="s">
        <v>289</v>
      </c>
      <c r="G69" s="752" t="s">
        <v>1200</v>
      </c>
    </row>
    <row r="70" spans="1:7" s="125" customFormat="1" ht="12.75" customHeight="1" x14ac:dyDescent="0.15">
      <c r="A70" s="164"/>
      <c r="B70" s="164"/>
      <c r="C70" s="168"/>
      <c r="D70" s="169"/>
      <c r="E70" s="39" t="s">
        <v>0</v>
      </c>
      <c r="F70" s="39" t="s">
        <v>46</v>
      </c>
      <c r="G70" s="752"/>
    </row>
    <row r="71" spans="1:7" s="125" customFormat="1" ht="27" customHeight="1" x14ac:dyDescent="0.15">
      <c r="A71" s="170"/>
      <c r="B71" s="171"/>
      <c r="C71" s="172"/>
      <c r="D71" s="173">
        <v>13</v>
      </c>
      <c r="E71" s="70" t="s">
        <v>305</v>
      </c>
      <c r="F71" s="70" t="s">
        <v>289</v>
      </c>
      <c r="G71" s="752" t="s">
        <v>1200</v>
      </c>
    </row>
    <row r="72" spans="1:7" s="125" customFormat="1" ht="24" x14ac:dyDescent="0.15">
      <c r="A72" s="164"/>
      <c r="B72" s="164"/>
      <c r="C72" s="168"/>
      <c r="D72" s="169"/>
      <c r="E72" s="39" t="s">
        <v>65</v>
      </c>
      <c r="F72" s="39" t="s">
        <v>46</v>
      </c>
      <c r="G72" s="752"/>
    </row>
    <row r="73" spans="1:7" s="51" customFormat="1" ht="12.75" x14ac:dyDescent="0.15">
      <c r="A73" s="10"/>
      <c r="B73" s="10"/>
      <c r="C73" s="1"/>
      <c r="D73" s="2"/>
      <c r="E73" s="3"/>
      <c r="F73" s="3"/>
      <c r="G73" s="37"/>
    </row>
    <row r="74" spans="1:7" s="51" customFormat="1" ht="12.75" x14ac:dyDescent="0.15">
      <c r="A74" s="10"/>
      <c r="B74" s="10"/>
      <c r="C74" s="1"/>
      <c r="D74" s="2"/>
      <c r="E74" s="3"/>
      <c r="F74" s="3"/>
      <c r="G74" s="37"/>
    </row>
    <row r="75" spans="1:7" s="51" customFormat="1" ht="12.75" x14ac:dyDescent="0.15">
      <c r="A75" s="753" t="s">
        <v>115</v>
      </c>
      <c r="B75" s="753"/>
      <c r="C75" s="753"/>
      <c r="D75" s="753"/>
      <c r="E75" s="753"/>
      <c r="F75" s="753"/>
      <c r="G75" s="753"/>
    </row>
    <row r="76" spans="1:7" s="51" customFormat="1" ht="12.75" x14ac:dyDescent="0.15"/>
    <row r="77" spans="1:7" s="51" customFormat="1" ht="12.75" x14ac:dyDescent="0.15">
      <c r="A77" s="10"/>
      <c r="B77" s="10"/>
      <c r="C77" s="1" t="s">
        <v>76</v>
      </c>
      <c r="D77" s="2"/>
      <c r="E77" s="3"/>
      <c r="F77" s="3"/>
      <c r="G77" s="38"/>
    </row>
    <row r="78" spans="1:7" s="62" customFormat="1" ht="16.5" thickBot="1" x14ac:dyDescent="0.2">
      <c r="A78" s="56"/>
      <c r="B78" s="57"/>
      <c r="C78" s="58"/>
      <c r="D78" s="59" t="s">
        <v>12</v>
      </c>
      <c r="E78" s="60" t="s">
        <v>284</v>
      </c>
      <c r="F78" s="60" t="s">
        <v>492</v>
      </c>
      <c r="G78" s="61" t="s">
        <v>95</v>
      </c>
    </row>
    <row r="79" spans="1:7" s="125" customFormat="1" ht="15.75" customHeight="1" thickTop="1" x14ac:dyDescent="0.15">
      <c r="A79" s="170"/>
      <c r="B79" s="171"/>
      <c r="C79" s="172"/>
      <c r="D79" s="173">
        <v>14</v>
      </c>
      <c r="E79" s="70" t="s">
        <v>498</v>
      </c>
      <c r="F79" s="70" t="s">
        <v>292</v>
      </c>
      <c r="G79" s="752" t="s">
        <v>1200</v>
      </c>
    </row>
    <row r="80" spans="1:7" s="125" customFormat="1" ht="12.75" customHeight="1" x14ac:dyDescent="0.15">
      <c r="A80" s="164"/>
      <c r="B80" s="164"/>
      <c r="C80" s="168"/>
      <c r="D80" s="169"/>
      <c r="E80" s="39" t="s">
        <v>8</v>
      </c>
      <c r="F80" s="39" t="s">
        <v>60</v>
      </c>
      <c r="G80" s="752"/>
    </row>
    <row r="81" spans="1:7" s="125" customFormat="1" ht="63.75" customHeight="1" x14ac:dyDescent="0.15">
      <c r="A81" s="164"/>
      <c r="B81" s="164"/>
      <c r="C81" s="168"/>
      <c r="D81" s="173">
        <v>15</v>
      </c>
      <c r="E81" s="70" t="s">
        <v>306</v>
      </c>
      <c r="F81" s="70" t="s">
        <v>499</v>
      </c>
      <c r="G81" s="752" t="s">
        <v>1200</v>
      </c>
    </row>
    <row r="82" spans="1:7" s="125" customFormat="1" ht="53.25" customHeight="1" x14ac:dyDescent="0.15">
      <c r="A82" s="164"/>
      <c r="B82" s="164"/>
      <c r="C82" s="168"/>
      <c r="D82" s="226"/>
      <c r="E82" s="227" t="s">
        <v>232</v>
      </c>
      <c r="F82" s="39" t="s">
        <v>234</v>
      </c>
      <c r="G82" s="752"/>
    </row>
    <row r="83" spans="1:7" s="125" customFormat="1" ht="15.75" customHeight="1" x14ac:dyDescent="0.15">
      <c r="A83" s="170"/>
      <c r="B83" s="171"/>
      <c r="C83" s="172"/>
      <c r="D83" s="173">
        <v>16</v>
      </c>
      <c r="E83" s="70" t="s">
        <v>307</v>
      </c>
      <c r="F83" s="70" t="s">
        <v>289</v>
      </c>
      <c r="G83" s="752" t="s">
        <v>1200</v>
      </c>
    </row>
    <row r="84" spans="1:7" s="125" customFormat="1" ht="12.75" customHeight="1" x14ac:dyDescent="0.15">
      <c r="A84" s="164"/>
      <c r="B84" s="164"/>
      <c r="C84" s="168"/>
      <c r="D84" s="169"/>
      <c r="E84" s="39" t="s">
        <v>9</v>
      </c>
      <c r="F84" s="39" t="s">
        <v>46</v>
      </c>
      <c r="G84" s="752"/>
    </row>
    <row r="85" spans="1:7" s="125" customFormat="1" ht="15.75" customHeight="1" x14ac:dyDescent="0.15">
      <c r="A85" s="170"/>
      <c r="B85" s="171"/>
      <c r="C85" s="172"/>
      <c r="D85" s="173">
        <v>17</v>
      </c>
      <c r="E85" s="70" t="s">
        <v>308</v>
      </c>
      <c r="F85" s="70" t="s">
        <v>289</v>
      </c>
      <c r="G85" s="752" t="s">
        <v>1200</v>
      </c>
    </row>
    <row r="86" spans="1:7" s="125" customFormat="1" ht="12.75" customHeight="1" x14ac:dyDescent="0.15">
      <c r="A86" s="164"/>
      <c r="B86" s="164"/>
      <c r="C86" s="168"/>
      <c r="D86" s="169"/>
      <c r="E86" s="39" t="s">
        <v>212</v>
      </c>
      <c r="F86" s="39" t="s">
        <v>46</v>
      </c>
      <c r="G86" s="752"/>
    </row>
    <row r="87" spans="1:7" s="125" customFormat="1" ht="28.5" x14ac:dyDescent="0.15">
      <c r="A87" s="170"/>
      <c r="B87" s="171"/>
      <c r="C87" s="172"/>
      <c r="D87" s="173">
        <v>18</v>
      </c>
      <c r="E87" s="70" t="s">
        <v>309</v>
      </c>
      <c r="F87" s="70" t="s">
        <v>289</v>
      </c>
      <c r="G87" s="752" t="s">
        <v>1200</v>
      </c>
    </row>
    <row r="88" spans="1:7" s="125" customFormat="1" ht="12.75" customHeight="1" x14ac:dyDescent="0.15">
      <c r="A88" s="164"/>
      <c r="B88" s="164"/>
      <c r="C88" s="168"/>
      <c r="D88" s="169"/>
      <c r="E88" s="39" t="s">
        <v>213</v>
      </c>
      <c r="F88" s="39" t="s">
        <v>46</v>
      </c>
      <c r="G88" s="752"/>
    </row>
    <row r="89" spans="1:7" s="125" customFormat="1" ht="30" customHeight="1" x14ac:dyDescent="0.15">
      <c r="A89" s="170"/>
      <c r="B89" s="171"/>
      <c r="C89" s="172"/>
      <c r="D89" s="173">
        <v>19</v>
      </c>
      <c r="E89" s="70" t="s">
        <v>310</v>
      </c>
      <c r="F89" s="70" t="s">
        <v>289</v>
      </c>
      <c r="G89" s="752" t="s">
        <v>1200</v>
      </c>
    </row>
    <row r="90" spans="1:7" s="125" customFormat="1" ht="12.75" customHeight="1" x14ac:dyDescent="0.15">
      <c r="A90" s="164"/>
      <c r="B90" s="164"/>
      <c r="C90" s="168"/>
      <c r="D90" s="169"/>
      <c r="E90" s="39" t="s">
        <v>214</v>
      </c>
      <c r="F90" s="39" t="s">
        <v>46</v>
      </c>
      <c r="G90" s="752"/>
    </row>
    <row r="91" spans="1:7" s="125" customFormat="1" ht="15.75" customHeight="1" x14ac:dyDescent="0.15">
      <c r="A91" s="170"/>
      <c r="B91" s="171"/>
      <c r="C91" s="172"/>
      <c r="D91" s="173">
        <v>20</v>
      </c>
      <c r="E91" s="70" t="s">
        <v>311</v>
      </c>
      <c r="F91" s="70" t="s">
        <v>336</v>
      </c>
      <c r="G91" s="752" t="s">
        <v>1200</v>
      </c>
    </row>
    <row r="92" spans="1:7" s="125" customFormat="1" ht="12.75" customHeight="1" x14ac:dyDescent="0.15">
      <c r="A92" s="164"/>
      <c r="B92" s="164"/>
      <c r="C92" s="168"/>
      <c r="D92" s="169"/>
      <c r="E92" s="39" t="s">
        <v>110</v>
      </c>
      <c r="F92" s="39" t="s">
        <v>92</v>
      </c>
      <c r="G92" s="752"/>
    </row>
    <row r="93" spans="1:7" s="125" customFormat="1" x14ac:dyDescent="0.15">
      <c r="A93" s="170"/>
      <c r="B93" s="171"/>
      <c r="C93" s="172"/>
      <c r="D93" s="173">
        <v>21</v>
      </c>
      <c r="E93" s="70" t="s">
        <v>312</v>
      </c>
      <c r="F93" s="70" t="s">
        <v>289</v>
      </c>
      <c r="G93" s="752" t="s">
        <v>1200</v>
      </c>
    </row>
    <row r="94" spans="1:7" s="125" customFormat="1" ht="12.75" customHeight="1" x14ac:dyDescent="0.15">
      <c r="A94" s="164"/>
      <c r="B94" s="164"/>
      <c r="C94" s="168"/>
      <c r="D94" s="169"/>
      <c r="E94" s="39" t="s">
        <v>186</v>
      </c>
      <c r="F94" s="39" t="s">
        <v>46</v>
      </c>
      <c r="G94" s="752"/>
    </row>
    <row r="95" spans="1:7" s="125" customFormat="1" x14ac:dyDescent="0.15">
      <c r="A95" s="170"/>
      <c r="B95" s="171"/>
      <c r="C95" s="172"/>
      <c r="D95" s="173">
        <v>22</v>
      </c>
      <c r="E95" s="646" t="s">
        <v>1210</v>
      </c>
      <c r="F95" s="646" t="s">
        <v>1211</v>
      </c>
      <c r="G95" s="752" t="s">
        <v>1200</v>
      </c>
    </row>
    <row r="96" spans="1:7" s="125" customFormat="1" ht="12.75" customHeight="1" x14ac:dyDescent="0.15">
      <c r="A96" s="164"/>
      <c r="B96" s="164"/>
      <c r="C96" s="168"/>
      <c r="D96" s="169"/>
      <c r="E96" s="39" t="s">
        <v>1224</v>
      </c>
      <c r="F96" s="39" t="s">
        <v>1212</v>
      </c>
      <c r="G96" s="752"/>
    </row>
    <row r="97" spans="1:7" s="125" customFormat="1" x14ac:dyDescent="0.15">
      <c r="A97" s="170"/>
      <c r="B97" s="171"/>
      <c r="C97" s="172"/>
      <c r="D97" s="173">
        <v>23</v>
      </c>
      <c r="E97" s="646" t="s">
        <v>1235</v>
      </c>
      <c r="F97" s="646" t="s">
        <v>1211</v>
      </c>
      <c r="G97" s="752" t="s">
        <v>1200</v>
      </c>
    </row>
    <row r="98" spans="1:7" s="125" customFormat="1" ht="12.75" customHeight="1" x14ac:dyDescent="0.15">
      <c r="A98" s="164"/>
      <c r="B98" s="164"/>
      <c r="C98" s="168"/>
      <c r="D98" s="169"/>
      <c r="E98" s="39" t="s">
        <v>1236</v>
      </c>
      <c r="F98" s="39" t="s">
        <v>1212</v>
      </c>
      <c r="G98" s="752"/>
    </row>
    <row r="99" spans="1:7" s="125" customFormat="1" x14ac:dyDescent="0.15">
      <c r="A99" s="170"/>
      <c r="B99" s="171"/>
      <c r="C99" s="172"/>
      <c r="D99" s="173">
        <v>24</v>
      </c>
      <c r="E99" s="70" t="s">
        <v>1242</v>
      </c>
      <c r="F99" s="646" t="s">
        <v>1211</v>
      </c>
      <c r="G99" s="752" t="s">
        <v>1200</v>
      </c>
    </row>
    <row r="100" spans="1:7" s="125" customFormat="1" ht="12.75" customHeight="1" x14ac:dyDescent="0.15">
      <c r="A100" s="164"/>
      <c r="B100" s="164"/>
      <c r="C100" s="168"/>
      <c r="D100" s="169"/>
      <c r="E100" s="39" t="s">
        <v>1213</v>
      </c>
      <c r="F100" s="39" t="s">
        <v>1212</v>
      </c>
      <c r="G100" s="752"/>
    </row>
    <row r="101" spans="1:7" s="125" customFormat="1" ht="28.5" x14ac:dyDescent="0.15">
      <c r="A101" s="170"/>
      <c r="B101" s="171"/>
      <c r="C101" s="172"/>
      <c r="D101" s="173">
        <v>25</v>
      </c>
      <c r="E101" s="70" t="s">
        <v>1214</v>
      </c>
      <c r="F101" s="70" t="s">
        <v>1215</v>
      </c>
      <c r="G101" s="752" t="s">
        <v>1200</v>
      </c>
    </row>
    <row r="102" spans="1:7" s="125" customFormat="1" ht="12.75" customHeight="1" x14ac:dyDescent="0.15">
      <c r="A102" s="164"/>
      <c r="B102" s="164"/>
      <c r="C102" s="168"/>
      <c r="D102" s="169"/>
      <c r="E102" s="39" t="s">
        <v>1245</v>
      </c>
      <c r="F102" s="39" t="s">
        <v>1216</v>
      </c>
      <c r="G102" s="752"/>
    </row>
    <row r="103" spans="1:7" s="125" customFormat="1" ht="28.5" x14ac:dyDescent="0.15">
      <c r="A103" s="170"/>
      <c r="B103" s="171"/>
      <c r="C103" s="172"/>
      <c r="D103" s="173">
        <v>26</v>
      </c>
      <c r="E103" s="70" t="s">
        <v>1247</v>
      </c>
      <c r="F103" s="70" t="s">
        <v>1215</v>
      </c>
      <c r="G103" s="752" t="s">
        <v>1200</v>
      </c>
    </row>
    <row r="104" spans="1:7" s="125" customFormat="1" ht="12.75" customHeight="1" x14ac:dyDescent="0.15">
      <c r="A104" s="164"/>
      <c r="B104" s="164"/>
      <c r="C104" s="168"/>
      <c r="D104" s="169"/>
      <c r="E104" s="39" t="s">
        <v>1248</v>
      </c>
      <c r="F104" s="39" t="s">
        <v>1216</v>
      </c>
      <c r="G104" s="752"/>
    </row>
    <row r="105" spans="1:7" s="125" customFormat="1" ht="27.75" x14ac:dyDescent="0.15">
      <c r="A105" s="170"/>
      <c r="B105" s="171"/>
      <c r="C105" s="172"/>
      <c r="D105" s="173">
        <v>27</v>
      </c>
      <c r="E105" s="70" t="s">
        <v>1217</v>
      </c>
      <c r="F105" s="646" t="s">
        <v>1219</v>
      </c>
      <c r="G105" s="752" t="s">
        <v>1200</v>
      </c>
    </row>
    <row r="106" spans="1:7" s="125" customFormat="1" ht="24" x14ac:dyDescent="0.15">
      <c r="A106" s="164"/>
      <c r="B106" s="164"/>
      <c r="C106" s="168"/>
      <c r="D106" s="169"/>
      <c r="E106" s="39" t="s">
        <v>1218</v>
      </c>
      <c r="F106" s="39" t="s">
        <v>1220</v>
      </c>
      <c r="G106" s="752"/>
    </row>
    <row r="107" spans="1:7" s="51" customFormat="1" x14ac:dyDescent="0.15">
      <c r="A107" s="50"/>
      <c r="B107" s="52"/>
      <c r="C107" s="760" t="s">
        <v>500</v>
      </c>
      <c r="D107" s="760"/>
      <c r="E107" s="760"/>
      <c r="F107" s="760"/>
      <c r="G107" s="760"/>
    </row>
    <row r="108" spans="1:7" s="51" customFormat="1" ht="12.75" x14ac:dyDescent="0.15">
      <c r="A108" s="10"/>
      <c r="B108" s="10"/>
      <c r="C108" s="762" t="s">
        <v>69</v>
      </c>
      <c r="D108" s="762"/>
      <c r="E108" s="762"/>
      <c r="F108" s="762"/>
      <c r="G108" s="762"/>
    </row>
    <row r="109" spans="1:7" s="51" customFormat="1" x14ac:dyDescent="0.15">
      <c r="A109" s="50"/>
      <c r="B109" s="52"/>
      <c r="C109" s="760" t="s">
        <v>501</v>
      </c>
      <c r="D109" s="760"/>
      <c r="E109" s="760"/>
      <c r="F109" s="760"/>
      <c r="G109" s="760"/>
    </row>
    <row r="110" spans="1:7" s="51" customFormat="1" ht="12.75" x14ac:dyDescent="0.15">
      <c r="A110" s="10"/>
      <c r="B110" s="10"/>
      <c r="C110" s="762" t="s">
        <v>70</v>
      </c>
      <c r="D110" s="762"/>
      <c r="E110" s="762"/>
      <c r="F110" s="762"/>
      <c r="G110" s="762"/>
    </row>
    <row r="111" spans="1:7" s="51" customFormat="1" x14ac:dyDescent="0.15">
      <c r="A111" s="50"/>
      <c r="B111" s="52"/>
      <c r="C111" s="760" t="s">
        <v>195</v>
      </c>
      <c r="D111" s="760"/>
      <c r="E111" s="760"/>
      <c r="F111" s="760"/>
      <c r="G111" s="760"/>
    </row>
    <row r="112" spans="1:7" s="51" customFormat="1" ht="12.75" x14ac:dyDescent="0.15">
      <c r="A112" s="10"/>
      <c r="B112" s="10"/>
      <c r="C112" s="762" t="s">
        <v>71</v>
      </c>
      <c r="D112" s="762"/>
      <c r="E112" s="762"/>
      <c r="F112" s="762"/>
      <c r="G112" s="762"/>
    </row>
    <row r="113" spans="1:7" s="51" customFormat="1" x14ac:dyDescent="0.15">
      <c r="A113" s="50"/>
      <c r="B113" s="52"/>
      <c r="C113" s="760" t="s">
        <v>196</v>
      </c>
      <c r="D113" s="760"/>
      <c r="E113" s="760"/>
      <c r="F113" s="760"/>
      <c r="G113" s="760"/>
    </row>
    <row r="114" spans="1:7" s="51" customFormat="1" ht="12.75" x14ac:dyDescent="0.15">
      <c r="A114" s="10"/>
      <c r="B114" s="10"/>
      <c r="C114" s="762" t="s">
        <v>72</v>
      </c>
      <c r="D114" s="762"/>
      <c r="E114" s="762"/>
      <c r="F114" s="762"/>
      <c r="G114" s="762"/>
    </row>
    <row r="115" spans="1:7" s="51" customFormat="1" x14ac:dyDescent="0.15">
      <c r="A115" s="50"/>
      <c r="B115" s="52"/>
      <c r="C115" s="760" t="s">
        <v>1221</v>
      </c>
      <c r="D115" s="760"/>
      <c r="E115" s="760"/>
      <c r="F115" s="760"/>
      <c r="G115" s="760"/>
    </row>
    <row r="116" spans="1:7" s="51" customFormat="1" ht="12.75" x14ac:dyDescent="0.15">
      <c r="A116" s="10"/>
      <c r="B116" s="10"/>
      <c r="C116" s="761" t="s">
        <v>1358</v>
      </c>
      <c r="D116" s="762"/>
      <c r="E116" s="762"/>
      <c r="F116" s="762"/>
      <c r="G116" s="762"/>
    </row>
    <row r="117" spans="1:7" s="51" customFormat="1" ht="22.5" customHeight="1" x14ac:dyDescent="0.2">
      <c r="A117" s="50"/>
      <c r="B117" s="52"/>
      <c r="C117" s="770" t="s">
        <v>313</v>
      </c>
      <c r="D117" s="770"/>
      <c r="E117" s="770"/>
      <c r="F117" s="770"/>
      <c r="G117" s="770"/>
    </row>
    <row r="118" spans="1:7" s="126" customFormat="1" ht="12.75" x14ac:dyDescent="0.15">
      <c r="A118" s="164"/>
      <c r="B118" s="164"/>
      <c r="C118" s="755" t="s">
        <v>215</v>
      </c>
      <c r="D118" s="755"/>
      <c r="E118" s="755"/>
      <c r="F118" s="755"/>
      <c r="G118" s="755"/>
    </row>
    <row r="119" spans="1:7" s="51" customFormat="1" ht="12.75" x14ac:dyDescent="0.15">
      <c r="A119" s="10"/>
      <c r="B119" s="10"/>
      <c r="C119" s="1"/>
      <c r="D119" s="2"/>
      <c r="E119" s="3"/>
      <c r="F119" s="3"/>
      <c r="G119" s="1"/>
    </row>
    <row r="120" spans="1:7" s="51" customFormat="1" x14ac:dyDescent="0.15">
      <c r="A120" s="50"/>
      <c r="B120" s="52" t="s">
        <v>106</v>
      </c>
      <c r="C120" s="53"/>
      <c r="D120" s="54"/>
      <c r="E120" s="55"/>
      <c r="F120" s="55"/>
      <c r="G120" s="53"/>
    </row>
    <row r="121" spans="1:7" s="51" customFormat="1" ht="12.75" x14ac:dyDescent="0.15">
      <c r="A121" s="10"/>
      <c r="B121" s="13" t="s">
        <v>75</v>
      </c>
      <c r="C121" s="1"/>
      <c r="D121" s="2"/>
      <c r="E121" s="3"/>
      <c r="F121" s="3"/>
      <c r="G121" s="1"/>
    </row>
    <row r="122" spans="1:7" s="51" customFormat="1" x14ac:dyDescent="0.15">
      <c r="A122" s="50"/>
      <c r="B122" s="52"/>
      <c r="C122" s="757" t="s">
        <v>283</v>
      </c>
      <c r="D122" s="757"/>
      <c r="E122" s="757"/>
      <c r="F122" s="757"/>
      <c r="G122" s="757"/>
    </row>
    <row r="123" spans="1:7" ht="16.5" thickBot="1" x14ac:dyDescent="0.2">
      <c r="A123" s="63"/>
      <c r="B123" s="64"/>
      <c r="C123" s="65"/>
      <c r="D123" s="59" t="s">
        <v>12</v>
      </c>
      <c r="E123" s="71" t="s">
        <v>314</v>
      </c>
      <c r="F123" s="71" t="s">
        <v>261</v>
      </c>
      <c r="G123" s="61" t="s">
        <v>96</v>
      </c>
    </row>
    <row r="124" spans="1:7" ht="16.5" thickTop="1" x14ac:dyDescent="0.15">
      <c r="A124" s="63"/>
      <c r="B124" s="64"/>
      <c r="C124" s="65"/>
      <c r="D124" s="66">
        <v>1</v>
      </c>
      <c r="E124" s="67" t="s">
        <v>502</v>
      </c>
      <c r="F124" s="67" t="s">
        <v>315</v>
      </c>
      <c r="G124" s="752" t="s">
        <v>1200</v>
      </c>
    </row>
    <row r="125" spans="1:7" ht="12.75" customHeight="1" x14ac:dyDescent="0.15">
      <c r="A125" s="10"/>
      <c r="B125" s="10"/>
      <c r="C125" s="1"/>
      <c r="D125" s="15"/>
      <c r="E125" s="16" t="s">
        <v>63</v>
      </c>
      <c r="F125" s="5" t="s">
        <v>64</v>
      </c>
      <c r="G125" s="752"/>
    </row>
    <row r="126" spans="1:7" x14ac:dyDescent="0.15">
      <c r="A126" s="63"/>
      <c r="B126" s="64"/>
      <c r="C126" s="65"/>
      <c r="D126" s="66"/>
      <c r="E126" s="67" t="s">
        <v>503</v>
      </c>
      <c r="F126" s="69" t="s">
        <v>316</v>
      </c>
      <c r="G126" s="768" t="s">
        <v>93</v>
      </c>
    </row>
    <row r="127" spans="1:7" ht="12.75" x14ac:dyDescent="0.15">
      <c r="A127" s="10"/>
      <c r="B127" s="10"/>
      <c r="C127" s="1"/>
      <c r="D127" s="15"/>
      <c r="E127" s="16" t="s">
        <v>33</v>
      </c>
      <c r="F127" s="5" t="s">
        <v>129</v>
      </c>
      <c r="G127" s="769"/>
    </row>
    <row r="128" spans="1:7" ht="74.25" customHeight="1" x14ac:dyDescent="0.15">
      <c r="A128" s="63"/>
      <c r="B128" s="64"/>
      <c r="C128" s="65"/>
      <c r="D128" s="66"/>
      <c r="E128" s="67"/>
      <c r="F128" s="69" t="s">
        <v>317</v>
      </c>
      <c r="G128" s="768" t="s">
        <v>123</v>
      </c>
    </row>
    <row r="129" spans="1:7" ht="36" x14ac:dyDescent="0.15">
      <c r="A129" s="10"/>
      <c r="B129" s="10"/>
      <c r="C129" s="1"/>
      <c r="D129" s="15"/>
      <c r="E129" s="16"/>
      <c r="F129" s="16" t="s">
        <v>67</v>
      </c>
      <c r="G129" s="772"/>
    </row>
    <row r="130" spans="1:7" x14ac:dyDescent="0.15">
      <c r="A130" s="63"/>
      <c r="B130" s="64"/>
      <c r="C130" s="65"/>
      <c r="D130" s="66"/>
      <c r="E130" s="67"/>
      <c r="F130" s="72" t="s">
        <v>504</v>
      </c>
      <c r="G130" s="773"/>
    </row>
    <row r="131" spans="1:7" ht="12.75" x14ac:dyDescent="0.15">
      <c r="A131" s="10"/>
      <c r="B131" s="10"/>
      <c r="C131" s="1"/>
      <c r="D131" s="15"/>
      <c r="E131" s="16"/>
      <c r="F131" s="17" t="s">
        <v>318</v>
      </c>
      <c r="G131" s="774"/>
    </row>
    <row r="132" spans="1:7" x14ac:dyDescent="0.15">
      <c r="A132" s="63"/>
      <c r="B132" s="64"/>
      <c r="C132" s="65"/>
      <c r="D132" s="66"/>
      <c r="E132" s="67"/>
      <c r="F132" s="72" t="s">
        <v>319</v>
      </c>
      <c r="G132" s="775"/>
    </row>
    <row r="133" spans="1:7" ht="12.75" x14ac:dyDescent="0.15">
      <c r="A133" s="10"/>
      <c r="B133" s="10"/>
      <c r="C133" s="1"/>
      <c r="D133" s="4"/>
      <c r="E133" s="5"/>
      <c r="F133" s="14" t="s">
        <v>320</v>
      </c>
      <c r="G133" s="776"/>
    </row>
    <row r="134" spans="1:7" s="51" customFormat="1" x14ac:dyDescent="0.15">
      <c r="A134" s="50"/>
      <c r="B134" s="52"/>
      <c r="C134" s="760" t="s">
        <v>97</v>
      </c>
      <c r="D134" s="760"/>
      <c r="E134" s="760"/>
      <c r="F134" s="760"/>
      <c r="G134" s="760"/>
    </row>
    <row r="135" spans="1:7" s="51" customFormat="1" ht="12.75" x14ac:dyDescent="0.15">
      <c r="A135" s="10"/>
      <c r="B135" s="10"/>
      <c r="C135" s="751" t="s">
        <v>237</v>
      </c>
      <c r="D135" s="751"/>
      <c r="E135" s="751"/>
      <c r="F135" s="751"/>
      <c r="G135" s="751"/>
    </row>
    <row r="136" spans="1:7" s="51" customFormat="1" ht="19.5" customHeight="1" x14ac:dyDescent="0.2">
      <c r="A136" s="50"/>
      <c r="B136" s="52"/>
      <c r="C136" s="777" t="s">
        <v>1169</v>
      </c>
      <c r="D136" s="777"/>
      <c r="E136" s="777"/>
      <c r="F136" s="777"/>
      <c r="G136" s="777"/>
    </row>
    <row r="137" spans="1:7" s="51" customFormat="1" x14ac:dyDescent="0.15">
      <c r="A137" s="73"/>
      <c r="B137" s="74"/>
      <c r="C137" s="771" t="s">
        <v>1164</v>
      </c>
      <c r="D137" s="771"/>
      <c r="E137" s="771"/>
      <c r="F137" s="771"/>
      <c r="G137" s="771"/>
    </row>
    <row r="138" spans="1:7" s="51" customFormat="1" ht="12.75" customHeight="1" x14ac:dyDescent="0.15">
      <c r="A138" s="73"/>
      <c r="B138" s="74"/>
      <c r="D138" s="120"/>
      <c r="E138" s="766" t="s">
        <v>1398</v>
      </c>
      <c r="F138" s="763"/>
    </row>
    <row r="139" spans="1:7" ht="23.25" customHeight="1" x14ac:dyDescent="0.15">
      <c r="C139" s="44"/>
      <c r="D139" s="44"/>
      <c r="E139" s="766"/>
      <c r="F139" s="764"/>
    </row>
    <row r="140" spans="1:7" x14ac:dyDescent="0.15">
      <c r="C140" s="44"/>
      <c r="D140" s="44"/>
      <c r="E140" s="765" t="s">
        <v>1397</v>
      </c>
      <c r="F140" s="763"/>
    </row>
    <row r="141" spans="1:7" ht="23.25" customHeight="1" x14ac:dyDescent="0.15">
      <c r="E141" s="765"/>
      <c r="F141" s="764"/>
    </row>
    <row r="142" spans="1:7" x14ac:dyDescent="0.15">
      <c r="F142" s="242" t="s">
        <v>321</v>
      </c>
    </row>
    <row r="143" spans="1:7" ht="15.75" customHeight="1" x14ac:dyDescent="0.15"/>
    <row r="144" spans="1:7" ht="12.75" x14ac:dyDescent="0.15">
      <c r="A144" s="753" t="s">
        <v>116</v>
      </c>
      <c r="B144" s="753"/>
      <c r="C144" s="753"/>
      <c r="D144" s="753"/>
      <c r="E144" s="753"/>
      <c r="F144" s="753"/>
      <c r="G144" s="753"/>
    </row>
  </sheetData>
  <mergeCells count="76">
    <mergeCell ref="C137:G137"/>
    <mergeCell ref="G128:G129"/>
    <mergeCell ref="G130:G131"/>
    <mergeCell ref="G132:G133"/>
    <mergeCell ref="C134:G134"/>
    <mergeCell ref="C135:G135"/>
    <mergeCell ref="C136:G136"/>
    <mergeCell ref="G95:G96"/>
    <mergeCell ref="G97:G98"/>
    <mergeCell ref="G99:G100"/>
    <mergeCell ref="G126:G127"/>
    <mergeCell ref="C108:G108"/>
    <mergeCell ref="C109:G109"/>
    <mergeCell ref="C110:G110"/>
    <mergeCell ref="C111:G111"/>
    <mergeCell ref="C112:G112"/>
    <mergeCell ref="C113:G113"/>
    <mergeCell ref="C114:G114"/>
    <mergeCell ref="C117:G117"/>
    <mergeCell ref="C118:G118"/>
    <mergeCell ref="C122:G122"/>
    <mergeCell ref="G124:G125"/>
    <mergeCell ref="G101:G102"/>
    <mergeCell ref="G87:G88"/>
    <mergeCell ref="G89:G90"/>
    <mergeCell ref="G91:G92"/>
    <mergeCell ref="G93:G94"/>
    <mergeCell ref="G81:G82"/>
    <mergeCell ref="G67:G68"/>
    <mergeCell ref="G69:G70"/>
    <mergeCell ref="G79:G80"/>
    <mergeCell ref="G83:G84"/>
    <mergeCell ref="G85:G86"/>
    <mergeCell ref="G71:G72"/>
    <mergeCell ref="A75:G75"/>
    <mergeCell ref="G65:G66"/>
    <mergeCell ref="C41:G41"/>
    <mergeCell ref="C45:G45"/>
    <mergeCell ref="G47:G48"/>
    <mergeCell ref="G49:G50"/>
    <mergeCell ref="G51:G52"/>
    <mergeCell ref="G53:G54"/>
    <mergeCell ref="G55:G56"/>
    <mergeCell ref="G57:G58"/>
    <mergeCell ref="G59:G60"/>
    <mergeCell ref="G61:G62"/>
    <mergeCell ref="G63:G64"/>
    <mergeCell ref="C6:G6"/>
    <mergeCell ref="G8:G9"/>
    <mergeCell ref="G10:G11"/>
    <mergeCell ref="G12:G13"/>
    <mergeCell ref="G14:G15"/>
    <mergeCell ref="G16:G17"/>
    <mergeCell ref="C40:G40"/>
    <mergeCell ref="G18:G19"/>
    <mergeCell ref="G20:G21"/>
    <mergeCell ref="G22:G23"/>
    <mergeCell ref="G24:G25"/>
    <mergeCell ref="G26:G27"/>
    <mergeCell ref="G28:G29"/>
    <mergeCell ref="G30:G31"/>
    <mergeCell ref="G32:G33"/>
    <mergeCell ref="G34:G35"/>
    <mergeCell ref="C38:G38"/>
    <mergeCell ref="C39:G39"/>
    <mergeCell ref="G36:G37"/>
    <mergeCell ref="A144:G144"/>
    <mergeCell ref="F140:F141"/>
    <mergeCell ref="E140:E141"/>
    <mergeCell ref="E138:E139"/>
    <mergeCell ref="F138:F139"/>
    <mergeCell ref="G103:G104"/>
    <mergeCell ref="G105:G106"/>
    <mergeCell ref="C115:G115"/>
    <mergeCell ref="C116:G116"/>
    <mergeCell ref="C107:G107"/>
  </mergeCells>
  <phoneticPr fontId="9"/>
  <conditionalFormatting sqref="G128">
    <cfRule type="cellIs" dxfId="145" priority="44" operator="equal">
      <formula>"Used"</formula>
    </cfRule>
  </conditionalFormatting>
  <conditionalFormatting sqref="G8">
    <cfRule type="cellIs" dxfId="144" priority="22" operator="equal">
      <formula>"Not Applicable"</formula>
    </cfRule>
  </conditionalFormatting>
  <conditionalFormatting sqref="G47">
    <cfRule type="cellIs" dxfId="143" priority="18" operator="equal">
      <formula>"Not Applicable"</formula>
    </cfRule>
  </conditionalFormatting>
  <conditionalFormatting sqref="G49 G51 G53 G55 G57 G59 G61 G63">
    <cfRule type="cellIs" dxfId="142" priority="11" operator="equal">
      <formula>"Not Applicable"</formula>
    </cfRule>
  </conditionalFormatting>
  <conditionalFormatting sqref="G10 G12 G14 G16 G18 G20 G22 G24 G26 G28 G30 G32 G34">
    <cfRule type="cellIs" dxfId="141" priority="12" operator="equal">
      <formula>"Not Applicable"</formula>
    </cfRule>
  </conditionalFormatting>
  <conditionalFormatting sqref="G65 G67 G69 G79 G81 G83 G85 G87 G89 G91 G93">
    <cfRule type="cellIs" dxfId="140" priority="10" operator="equal">
      <formula>"Not Applicable"</formula>
    </cfRule>
  </conditionalFormatting>
  <conditionalFormatting sqref="G124">
    <cfRule type="cellIs" dxfId="139" priority="9" operator="equal">
      <formula>"Not Applicable"</formula>
    </cfRule>
  </conditionalFormatting>
  <conditionalFormatting sqref="G36">
    <cfRule type="cellIs" dxfId="138" priority="8" operator="equal">
      <formula>"Not Applicable"</formula>
    </cfRule>
  </conditionalFormatting>
  <conditionalFormatting sqref="G71">
    <cfRule type="cellIs" dxfId="137" priority="7" operator="equal">
      <formula>"Not Applicable"</formula>
    </cfRule>
  </conditionalFormatting>
  <conditionalFormatting sqref="G95">
    <cfRule type="cellIs" dxfId="136" priority="6" operator="equal">
      <formula>"Not Applicable"</formula>
    </cfRule>
  </conditionalFormatting>
  <conditionalFormatting sqref="G97">
    <cfRule type="cellIs" dxfId="135" priority="5" operator="equal">
      <formula>"Not Applicable"</formula>
    </cfRule>
  </conditionalFormatting>
  <conditionalFormatting sqref="G99">
    <cfRule type="cellIs" dxfId="134" priority="4" operator="equal">
      <formula>"Not Applicable"</formula>
    </cfRule>
  </conditionalFormatting>
  <conditionalFormatting sqref="G101">
    <cfRule type="cellIs" dxfId="133" priority="3" operator="equal">
      <formula>"Not Applicable"</formula>
    </cfRule>
  </conditionalFormatting>
  <conditionalFormatting sqref="G103">
    <cfRule type="cellIs" dxfId="132" priority="2" operator="equal">
      <formula>"Not Applicable"</formula>
    </cfRule>
  </conditionalFormatting>
  <conditionalFormatting sqref="G105">
    <cfRule type="cellIs" dxfId="131" priority="1" operator="equal">
      <formula>"Not Applicable"</formula>
    </cfRule>
  </conditionalFormatting>
  <dataValidations disablePrompts="1" count="3">
    <dataValidation type="list" allowBlank="1" showInputMessage="1" showErrorMessage="1" promptTitle="入力内容" prompt="使用している： Used_x000a_使用していない： Not Used" sqref="G128">
      <formula1>"&lt; Used / Not Used &gt;, Used, Not Used"</formula1>
    </dataValidation>
    <dataValidation type="list" allowBlank="1" showInputMessage="1" showErrorMessage="1" prompt="Use PWB： Yes_x000a_Do not use PWB： No" sqref="G126">
      <formula1>"&lt; Yes / No &gt;, Yes, No"</formula1>
    </dataValidation>
    <dataValidation type="list" showInputMessage="1" showErrorMessage="1" promptTitle="入力内容" prompt="判定基準を満たす： Applicable_x000a_満たさない： Not Applicable" sqref="G124:G125 G8:G37 G47:G72 G79:G106">
      <formula1>"&lt; Applicable　　　　 / Not Applicable &gt;,Applicable,Not Applicable"</formula1>
    </dataValidation>
  </dataValidations>
  <printOptions horizontalCentered="1"/>
  <pageMargins left="0.59055118110236227" right="0.59055118110236227" top="0.59055118110236227" bottom="0.59055118110236227" header="0.31496062992125984" footer="0.31496062992125984"/>
  <pageSetup paperSize="9" scale="59" fitToHeight="2" orientation="portrait" r:id="rId1"/>
  <headerFooter>
    <oddFooter>&amp;RV.13.0 (revised on Nov. 2021)</oddFooter>
  </headerFooter>
  <rowBreaks count="1" manualBreakCount="1">
    <brk id="75" max="6" man="1"/>
  </row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F0"/>
  </sheetPr>
  <dimension ref="A1:I158"/>
  <sheetViews>
    <sheetView showGridLines="0" view="pageBreakPreview" zoomScale="90" zoomScaleNormal="100" zoomScaleSheetLayoutView="90" workbookViewId="0"/>
  </sheetViews>
  <sheetFormatPr defaultColWidth="0.85546875" defaultRowHeight="15.75" x14ac:dyDescent="0.15"/>
  <cols>
    <col min="1" max="1" width="2.140625" style="73" customWidth="1"/>
    <col min="2" max="2" width="1.85546875" style="75" customWidth="1"/>
    <col min="3" max="3" width="4" style="76" bestFit="1" customWidth="1"/>
    <col min="4" max="4" width="3" style="77" customWidth="1"/>
    <col min="5" max="5" width="12.5703125" style="76" customWidth="1"/>
    <col min="6" max="6" width="5.42578125" style="78" bestFit="1" customWidth="1"/>
    <col min="7" max="7" width="100.42578125" style="79" customWidth="1"/>
    <col min="8" max="8" width="13.42578125" style="76" bestFit="1" customWidth="1"/>
    <col min="9" max="9" width="13.140625" style="77" customWidth="1"/>
    <col min="10" max="10" width="7.7109375" style="77" customWidth="1"/>
    <col min="11" max="16384" width="0.85546875" style="77"/>
  </cols>
  <sheetData>
    <row r="1" spans="1:9" x14ac:dyDescent="0.15">
      <c r="I1" s="9">
        <f>A.RoHS!G1</f>
        <v>0</v>
      </c>
    </row>
    <row r="2" spans="1:9" x14ac:dyDescent="0.15">
      <c r="A2" s="73" t="s">
        <v>349</v>
      </c>
    </row>
    <row r="3" spans="1:9" ht="45.75" customHeight="1" x14ac:dyDescent="0.15">
      <c r="B3" s="788" t="s">
        <v>1176</v>
      </c>
      <c r="C3" s="788"/>
      <c r="D3" s="788"/>
      <c r="E3" s="788"/>
      <c r="F3" s="788"/>
      <c r="G3" s="788"/>
      <c r="H3" s="788"/>
      <c r="I3" s="788"/>
    </row>
    <row r="4" spans="1:9" ht="4.5" customHeight="1" x14ac:dyDescent="0.15">
      <c r="A4" s="18"/>
      <c r="B4" s="18"/>
      <c r="C4" s="30"/>
      <c r="D4" s="19"/>
      <c r="E4" s="30"/>
      <c r="F4" s="20"/>
      <c r="G4" s="21"/>
    </row>
    <row r="5" spans="1:9" s="180" customFormat="1" ht="21.75" customHeight="1" x14ac:dyDescent="0.15">
      <c r="A5" s="185"/>
      <c r="C5" s="253" t="s">
        <v>1173</v>
      </c>
      <c r="D5" s="254"/>
      <c r="E5" s="254"/>
      <c r="F5" s="255"/>
      <c r="G5" s="256"/>
      <c r="H5" s="257"/>
      <c r="I5" s="258"/>
    </row>
    <row r="6" spans="1:9" s="180" customFormat="1" ht="14.25" x14ac:dyDescent="0.15">
      <c r="A6" s="185"/>
      <c r="C6" s="243" t="s">
        <v>1172</v>
      </c>
      <c r="D6" s="228"/>
      <c r="E6" s="228"/>
      <c r="F6" s="229"/>
      <c r="G6" s="230"/>
      <c r="H6" s="210"/>
      <c r="I6" s="244"/>
    </row>
    <row r="7" spans="1:9" s="180" customFormat="1" ht="14.25" x14ac:dyDescent="0.15">
      <c r="A7" s="185"/>
      <c r="C7" s="245" t="s">
        <v>1177</v>
      </c>
      <c r="D7" s="228"/>
      <c r="E7" s="228"/>
      <c r="F7" s="229"/>
      <c r="G7" s="230"/>
      <c r="H7" s="210"/>
      <c r="I7" s="244"/>
    </row>
    <row r="8" spans="1:9" s="180" customFormat="1" ht="14.25" x14ac:dyDescent="0.15">
      <c r="A8" s="185"/>
      <c r="C8" s="243" t="s">
        <v>1170</v>
      </c>
      <c r="D8" s="228"/>
      <c r="E8" s="228"/>
      <c r="F8" s="229"/>
      <c r="G8" s="230"/>
      <c r="H8" s="210"/>
      <c r="I8" s="244"/>
    </row>
    <row r="9" spans="1:9" s="180" customFormat="1" ht="14.25" x14ac:dyDescent="0.15">
      <c r="A9" s="185"/>
      <c r="C9" s="245" t="s">
        <v>1174</v>
      </c>
      <c r="D9" s="228"/>
      <c r="E9" s="228"/>
      <c r="F9" s="229"/>
      <c r="G9" s="230"/>
      <c r="H9" s="210"/>
      <c r="I9" s="244"/>
    </row>
    <row r="10" spans="1:9" s="232" customFormat="1" ht="14.25" x14ac:dyDescent="0.15">
      <c r="A10" s="231"/>
      <c r="C10" s="246" t="s">
        <v>1171</v>
      </c>
      <c r="D10" s="233"/>
      <c r="E10" s="233"/>
      <c r="F10" s="229"/>
      <c r="G10" s="234"/>
      <c r="H10" s="235"/>
      <c r="I10" s="247"/>
    </row>
    <row r="11" spans="1:9" s="180" customFormat="1" ht="14.25" x14ac:dyDescent="0.15">
      <c r="A11" s="185"/>
      <c r="C11" s="245" t="s">
        <v>1175</v>
      </c>
      <c r="D11" s="228"/>
      <c r="E11" s="228"/>
      <c r="F11" s="229"/>
      <c r="G11" s="230"/>
      <c r="H11" s="210"/>
      <c r="I11" s="244"/>
    </row>
    <row r="12" spans="1:9" s="180" customFormat="1" ht="14.25" x14ac:dyDescent="0.15">
      <c r="A12" s="185"/>
      <c r="C12" s="243" t="s">
        <v>1359</v>
      </c>
      <c r="D12" s="228"/>
      <c r="E12" s="228"/>
      <c r="F12" s="229"/>
      <c r="G12" s="230"/>
      <c r="H12" s="210"/>
      <c r="I12" s="244"/>
    </row>
    <row r="13" spans="1:9" s="180" customFormat="1" ht="14.25" x14ac:dyDescent="0.15">
      <c r="A13" s="185"/>
      <c r="C13" s="269" t="s">
        <v>1360</v>
      </c>
      <c r="D13" s="248"/>
      <c r="E13" s="248"/>
      <c r="F13" s="249"/>
      <c r="G13" s="250"/>
      <c r="H13" s="251"/>
      <c r="I13" s="252"/>
    </row>
    <row r="14" spans="1:9" ht="14.25" x14ac:dyDescent="0.15">
      <c r="A14" s="18"/>
      <c r="B14" s="223"/>
      <c r="C14" s="30"/>
      <c r="D14" s="19"/>
      <c r="E14" s="30"/>
      <c r="F14" s="20"/>
      <c r="G14" s="21"/>
    </row>
    <row r="15" spans="1:9" ht="26.25" thickBot="1" x14ac:dyDescent="0.2">
      <c r="C15" s="779" t="s">
        <v>430</v>
      </c>
      <c r="D15" s="780"/>
      <c r="E15" s="781"/>
      <c r="F15" s="80" t="s">
        <v>12</v>
      </c>
      <c r="G15" s="81" t="s">
        <v>431</v>
      </c>
      <c r="H15" s="82" t="s">
        <v>432</v>
      </c>
      <c r="I15" s="83" t="s">
        <v>99</v>
      </c>
    </row>
    <row r="16" spans="1:9" ht="16.5" thickTop="1" x14ac:dyDescent="0.15">
      <c r="C16" s="84">
        <v>1</v>
      </c>
      <c r="D16" s="77" t="s">
        <v>350</v>
      </c>
      <c r="I16" s="85"/>
    </row>
    <row r="17" spans="1:9" x14ac:dyDescent="0.15">
      <c r="C17" s="84"/>
      <c r="D17" s="86"/>
      <c r="E17" s="87" t="s">
        <v>433</v>
      </c>
      <c r="F17" s="191">
        <v>1</v>
      </c>
      <c r="G17" s="214" t="s">
        <v>434</v>
      </c>
      <c r="H17" s="175" t="s">
        <v>230</v>
      </c>
      <c r="I17" s="778" t="s">
        <v>1202</v>
      </c>
    </row>
    <row r="18" spans="1:9" ht="14.25" x14ac:dyDescent="0.15">
      <c r="A18" s="18"/>
      <c r="B18" s="18"/>
      <c r="C18" s="35"/>
      <c r="D18" s="25"/>
      <c r="E18" s="31" t="s">
        <v>10</v>
      </c>
      <c r="F18" s="189"/>
      <c r="G18" s="215" t="s">
        <v>241</v>
      </c>
      <c r="H18" s="216"/>
      <c r="I18" s="778"/>
    </row>
    <row r="19" spans="1:9" ht="26.25" x14ac:dyDescent="0.15">
      <c r="C19" s="84"/>
      <c r="D19" s="86"/>
      <c r="E19" s="93" t="s">
        <v>101</v>
      </c>
      <c r="F19" s="191">
        <v>2</v>
      </c>
      <c r="G19" s="214" t="s">
        <v>435</v>
      </c>
      <c r="H19" s="782" t="s">
        <v>242</v>
      </c>
      <c r="I19" s="101" t="s">
        <v>243</v>
      </c>
    </row>
    <row r="20" spans="1:9" x14ac:dyDescent="0.15">
      <c r="C20" s="84"/>
      <c r="D20" s="86"/>
      <c r="E20" s="32" t="s">
        <v>1361</v>
      </c>
      <c r="F20" s="183"/>
      <c r="G20" s="219" t="s">
        <v>436</v>
      </c>
      <c r="H20" s="783"/>
      <c r="I20" s="263" t="s">
        <v>1202</v>
      </c>
    </row>
    <row r="21" spans="1:9" x14ac:dyDescent="0.15">
      <c r="C21" s="84"/>
      <c r="D21" s="86"/>
      <c r="E21" s="93"/>
      <c r="F21" s="183"/>
      <c r="G21" s="219" t="s">
        <v>437</v>
      </c>
      <c r="H21" s="783"/>
      <c r="I21" s="263"/>
    </row>
    <row r="22" spans="1:9" ht="28.5" x14ac:dyDescent="0.15">
      <c r="C22" s="84"/>
      <c r="D22" s="86"/>
      <c r="E22" s="93"/>
      <c r="F22" s="183"/>
      <c r="G22" s="219" t="s">
        <v>438</v>
      </c>
      <c r="H22" s="783"/>
      <c r="I22" s="263"/>
    </row>
    <row r="23" spans="1:9" ht="42.75" x14ac:dyDescent="0.15">
      <c r="C23" s="84"/>
      <c r="D23" s="86"/>
      <c r="E23" s="93"/>
      <c r="F23" s="183"/>
      <c r="G23" s="219" t="s">
        <v>351</v>
      </c>
      <c r="H23" s="783"/>
      <c r="I23" s="263" t="s">
        <v>1202</v>
      </c>
    </row>
    <row r="24" spans="1:9" ht="33.75" customHeight="1" x14ac:dyDescent="0.15">
      <c r="C24" s="84"/>
      <c r="D24" s="86"/>
      <c r="E24" s="93"/>
      <c r="F24" s="183"/>
      <c r="G24" s="219" t="s">
        <v>439</v>
      </c>
      <c r="H24" s="783"/>
      <c r="I24" s="263"/>
    </row>
    <row r="25" spans="1:9" ht="28.5" x14ac:dyDescent="0.15">
      <c r="C25" s="84"/>
      <c r="D25" s="86"/>
      <c r="E25" s="93"/>
      <c r="F25" s="183"/>
      <c r="G25" s="219" t="s">
        <v>352</v>
      </c>
      <c r="H25" s="784"/>
      <c r="I25" s="263"/>
    </row>
    <row r="26" spans="1:9" ht="28.5" customHeight="1" x14ac:dyDescent="0.15">
      <c r="C26" s="84"/>
      <c r="D26" s="86"/>
      <c r="E26" s="32"/>
      <c r="F26" s="217">
        <v>3</v>
      </c>
      <c r="G26" s="214" t="s">
        <v>358</v>
      </c>
      <c r="H26" s="175" t="s">
        <v>244</v>
      </c>
      <c r="I26" s="778" t="s">
        <v>98</v>
      </c>
    </row>
    <row r="27" spans="1:9" ht="26.25" customHeight="1" x14ac:dyDescent="0.15">
      <c r="C27" s="84"/>
      <c r="D27" s="86"/>
      <c r="E27" s="32"/>
      <c r="F27" s="202"/>
      <c r="G27" s="215" t="s">
        <v>359</v>
      </c>
      <c r="H27" s="216"/>
      <c r="I27" s="778"/>
    </row>
    <row r="28" spans="1:9" x14ac:dyDescent="0.15">
      <c r="C28" s="84"/>
      <c r="D28" s="86"/>
      <c r="E28" s="32"/>
      <c r="F28" s="191">
        <v>4</v>
      </c>
      <c r="G28" s="214" t="s">
        <v>440</v>
      </c>
      <c r="H28" s="264" t="s">
        <v>245</v>
      </c>
      <c r="I28" s="778" t="s">
        <v>98</v>
      </c>
    </row>
    <row r="29" spans="1:9" x14ac:dyDescent="0.15">
      <c r="C29" s="84"/>
      <c r="D29" s="86"/>
      <c r="E29" s="32"/>
      <c r="F29" s="218"/>
      <c r="G29" s="215" t="s">
        <v>360</v>
      </c>
      <c r="H29" s="266"/>
      <c r="I29" s="778"/>
    </row>
    <row r="30" spans="1:9" x14ac:dyDescent="0.15">
      <c r="C30" s="84"/>
      <c r="D30" s="86"/>
      <c r="E30" s="93"/>
      <c r="F30" s="191">
        <v>5</v>
      </c>
      <c r="G30" s="214" t="s">
        <v>227</v>
      </c>
      <c r="H30" s="264" t="s">
        <v>77</v>
      </c>
      <c r="I30" s="785" t="s">
        <v>98</v>
      </c>
    </row>
    <row r="31" spans="1:9" x14ac:dyDescent="0.15">
      <c r="C31" s="84"/>
      <c r="D31" s="86"/>
      <c r="E31" s="32"/>
      <c r="F31" s="202"/>
      <c r="G31" s="215" t="s">
        <v>246</v>
      </c>
      <c r="H31" s="266"/>
      <c r="I31" s="786"/>
    </row>
    <row r="32" spans="1:9" x14ac:dyDescent="0.15">
      <c r="C32" s="84"/>
      <c r="D32" s="86"/>
      <c r="E32" s="32"/>
      <c r="F32" s="26"/>
      <c r="G32" s="105" t="s">
        <v>441</v>
      </c>
      <c r="H32" s="92" t="s">
        <v>77</v>
      </c>
      <c r="I32" s="787" t="s">
        <v>228</v>
      </c>
    </row>
    <row r="33" spans="1:9" x14ac:dyDescent="0.15">
      <c r="C33" s="84"/>
      <c r="D33" s="86"/>
      <c r="E33" s="32"/>
      <c r="F33" s="26"/>
      <c r="G33" s="106"/>
      <c r="H33" s="104"/>
      <c r="I33" s="786"/>
    </row>
    <row r="34" spans="1:9" x14ac:dyDescent="0.15">
      <c r="C34" s="84"/>
      <c r="D34" s="86"/>
      <c r="E34" s="32"/>
      <c r="F34" s="26"/>
      <c r="G34" s="40" t="s">
        <v>113</v>
      </c>
      <c r="H34" s="92" t="s">
        <v>77</v>
      </c>
      <c r="I34" s="785"/>
    </row>
    <row r="35" spans="1:9" x14ac:dyDescent="0.15">
      <c r="C35" s="91"/>
      <c r="D35" s="99"/>
      <c r="E35" s="33"/>
      <c r="F35" s="23"/>
      <c r="G35" s="77"/>
      <c r="H35" s="104"/>
      <c r="I35" s="786"/>
    </row>
    <row r="36" spans="1:9" x14ac:dyDescent="0.15">
      <c r="C36" s="90">
        <v>2</v>
      </c>
      <c r="D36" s="94" t="s">
        <v>353</v>
      </c>
      <c r="E36" s="95"/>
      <c r="F36" s="96"/>
      <c r="G36" s="97"/>
      <c r="H36" s="95"/>
      <c r="I36" s="98"/>
    </row>
    <row r="37" spans="1:9" x14ac:dyDescent="0.15">
      <c r="C37" s="84"/>
      <c r="D37" s="86"/>
      <c r="E37" s="87" t="s">
        <v>433</v>
      </c>
      <c r="F37" s="88">
        <v>1</v>
      </c>
      <c r="G37" s="224" t="s">
        <v>442</v>
      </c>
      <c r="H37" s="90" t="s">
        <v>77</v>
      </c>
      <c r="I37" s="778" t="s">
        <v>1202</v>
      </c>
    </row>
    <row r="38" spans="1:9" ht="14.25" x14ac:dyDescent="0.15">
      <c r="A38" s="18"/>
      <c r="B38" s="18"/>
      <c r="C38" s="35"/>
      <c r="D38" s="25"/>
      <c r="E38" s="34" t="s">
        <v>10</v>
      </c>
      <c r="F38" s="23"/>
      <c r="G38" s="225" t="s">
        <v>24</v>
      </c>
      <c r="H38" s="91"/>
      <c r="I38" s="778"/>
    </row>
    <row r="39" spans="1:9" x14ac:dyDescent="0.15">
      <c r="C39" s="84"/>
      <c r="D39" s="86"/>
      <c r="E39" s="100"/>
      <c r="F39" s="88">
        <v>2</v>
      </c>
      <c r="G39" s="89" t="s">
        <v>354</v>
      </c>
      <c r="H39" s="90" t="s">
        <v>77</v>
      </c>
      <c r="I39" s="778" t="s">
        <v>1202</v>
      </c>
    </row>
    <row r="40" spans="1:9" ht="14.25" x14ac:dyDescent="0.15">
      <c r="A40" s="18"/>
      <c r="B40" s="18"/>
      <c r="C40" s="35"/>
      <c r="D40" s="25"/>
      <c r="E40" s="34"/>
      <c r="F40" s="23"/>
      <c r="G40" s="24" t="s">
        <v>25</v>
      </c>
      <c r="H40" s="91"/>
      <c r="I40" s="778"/>
    </row>
    <row r="41" spans="1:9" x14ac:dyDescent="0.15">
      <c r="C41" s="84"/>
      <c r="D41" s="86"/>
      <c r="E41" s="100"/>
      <c r="F41" s="191">
        <v>3</v>
      </c>
      <c r="G41" s="214" t="s">
        <v>1381</v>
      </c>
      <c r="H41" s="175" t="s">
        <v>77</v>
      </c>
      <c r="I41" s="778" t="s">
        <v>1202</v>
      </c>
    </row>
    <row r="42" spans="1:9" ht="14.25" x14ac:dyDescent="0.15">
      <c r="A42" s="18"/>
      <c r="B42" s="18"/>
      <c r="C42" s="35"/>
      <c r="D42" s="25"/>
      <c r="E42" s="31"/>
      <c r="F42" s="189"/>
      <c r="G42" s="215" t="s">
        <v>1382</v>
      </c>
      <c r="H42" s="216"/>
      <c r="I42" s="778"/>
    </row>
    <row r="43" spans="1:9" x14ac:dyDescent="0.15">
      <c r="C43" s="84"/>
      <c r="D43" s="86"/>
      <c r="E43" s="92" t="s">
        <v>443</v>
      </c>
      <c r="F43" s="191">
        <v>4</v>
      </c>
      <c r="G43" s="214" t="s">
        <v>444</v>
      </c>
      <c r="H43" s="175" t="s">
        <v>78</v>
      </c>
      <c r="I43" s="778" t="s">
        <v>1202</v>
      </c>
    </row>
    <row r="44" spans="1:9" ht="24" x14ac:dyDescent="0.15">
      <c r="A44" s="18"/>
      <c r="B44" s="18"/>
      <c r="C44" s="35"/>
      <c r="D44" s="25"/>
      <c r="E44" s="32" t="s">
        <v>11</v>
      </c>
      <c r="F44" s="189"/>
      <c r="G44" s="215" t="s">
        <v>361</v>
      </c>
      <c r="H44" s="216"/>
      <c r="I44" s="778"/>
    </row>
    <row r="45" spans="1:9" ht="40.5" customHeight="1" x14ac:dyDescent="0.15">
      <c r="C45" s="84"/>
      <c r="D45" s="86"/>
      <c r="E45" s="93"/>
      <c r="F45" s="191">
        <v>5</v>
      </c>
      <c r="G45" s="214" t="s">
        <v>445</v>
      </c>
      <c r="H45" s="175" t="s">
        <v>339</v>
      </c>
      <c r="I45" s="778" t="s">
        <v>1202</v>
      </c>
    </row>
    <row r="46" spans="1:9" ht="24" x14ac:dyDescent="0.15">
      <c r="A46" s="18"/>
      <c r="B46" s="18"/>
      <c r="C46" s="35"/>
      <c r="D46" s="25"/>
      <c r="E46" s="32"/>
      <c r="F46" s="189"/>
      <c r="G46" s="215" t="s">
        <v>362</v>
      </c>
      <c r="H46" s="216"/>
      <c r="I46" s="778"/>
    </row>
    <row r="47" spans="1:9" x14ac:dyDescent="0.15">
      <c r="C47" s="84"/>
      <c r="D47" s="86"/>
      <c r="E47" s="93"/>
      <c r="F47" s="191">
        <v>6</v>
      </c>
      <c r="G47" s="214" t="s">
        <v>446</v>
      </c>
      <c r="H47" s="175" t="s">
        <v>79</v>
      </c>
      <c r="I47" s="778" t="s">
        <v>98</v>
      </c>
    </row>
    <row r="48" spans="1:9" ht="14.25" x14ac:dyDescent="0.15">
      <c r="A48" s="18"/>
      <c r="B48" s="18"/>
      <c r="C48" s="35"/>
      <c r="D48" s="25"/>
      <c r="E48" s="32"/>
      <c r="F48" s="189"/>
      <c r="G48" s="215" t="s">
        <v>363</v>
      </c>
      <c r="H48" s="216"/>
      <c r="I48" s="778"/>
    </row>
    <row r="49" spans="1:9" x14ac:dyDescent="0.15">
      <c r="C49" s="84"/>
      <c r="D49" s="86"/>
      <c r="E49" s="93"/>
      <c r="F49" s="191">
        <v>7</v>
      </c>
      <c r="G49" s="214" t="s">
        <v>447</v>
      </c>
      <c r="H49" s="175"/>
      <c r="I49" s="101" t="s">
        <v>98</v>
      </c>
    </row>
    <row r="50" spans="1:9" ht="39" customHeight="1" x14ac:dyDescent="0.15">
      <c r="C50" s="84"/>
      <c r="D50" s="86"/>
      <c r="E50" s="93"/>
      <c r="F50" s="183"/>
      <c r="G50" s="219" t="s">
        <v>448</v>
      </c>
      <c r="H50" s="175" t="s">
        <v>337</v>
      </c>
      <c r="I50" s="263" t="s">
        <v>1202</v>
      </c>
    </row>
    <row r="51" spans="1:9" ht="26.25" x14ac:dyDescent="0.15">
      <c r="C51" s="84"/>
      <c r="D51" s="86"/>
      <c r="E51" s="93"/>
      <c r="F51" s="183"/>
      <c r="G51" s="219" t="s">
        <v>509</v>
      </c>
      <c r="H51" s="175" t="s">
        <v>338</v>
      </c>
      <c r="I51" s="263" t="s">
        <v>98</v>
      </c>
    </row>
    <row r="52" spans="1:9" ht="26.25" customHeight="1" x14ac:dyDescent="0.15">
      <c r="C52" s="84"/>
      <c r="D52" s="86"/>
      <c r="E52" s="93"/>
      <c r="F52" s="183"/>
      <c r="G52" s="219" t="s">
        <v>449</v>
      </c>
      <c r="H52" s="175" t="s">
        <v>80</v>
      </c>
      <c r="I52" s="263" t="s">
        <v>98</v>
      </c>
    </row>
    <row r="53" spans="1:9" ht="69.75" customHeight="1" x14ac:dyDescent="0.15">
      <c r="C53" s="84"/>
      <c r="D53" s="86"/>
      <c r="E53" s="93"/>
      <c r="F53" s="191">
        <v>8</v>
      </c>
      <c r="G53" s="214" t="s">
        <v>450</v>
      </c>
      <c r="H53" s="782" t="s">
        <v>247</v>
      </c>
      <c r="I53" s="101" t="s">
        <v>248</v>
      </c>
    </row>
    <row r="54" spans="1:9" x14ac:dyDescent="0.15">
      <c r="C54" s="84"/>
      <c r="D54" s="86"/>
      <c r="E54" s="93"/>
      <c r="F54" s="183"/>
      <c r="G54" s="219" t="s">
        <v>451</v>
      </c>
      <c r="H54" s="783"/>
      <c r="I54" s="263"/>
    </row>
    <row r="55" spans="1:9" ht="34.5" customHeight="1" x14ac:dyDescent="0.15">
      <c r="C55" s="84"/>
      <c r="D55" s="86"/>
      <c r="E55" s="93"/>
      <c r="F55" s="183"/>
      <c r="G55" s="219" t="s">
        <v>452</v>
      </c>
      <c r="H55" s="783"/>
      <c r="I55" s="263"/>
    </row>
    <row r="56" spans="1:9" ht="34.5" customHeight="1" x14ac:dyDescent="0.15">
      <c r="C56" s="84"/>
      <c r="D56" s="86"/>
      <c r="E56" s="93"/>
      <c r="F56" s="183"/>
      <c r="G56" s="219" t="s">
        <v>453</v>
      </c>
      <c r="H56" s="784"/>
      <c r="I56" s="263"/>
    </row>
    <row r="57" spans="1:9" ht="14.25" x14ac:dyDescent="0.15">
      <c r="A57" s="18"/>
      <c r="B57" s="18"/>
      <c r="C57" s="35"/>
      <c r="D57" s="25"/>
      <c r="E57" s="32"/>
      <c r="F57" s="191">
        <v>9</v>
      </c>
      <c r="G57" s="214" t="s">
        <v>440</v>
      </c>
      <c r="H57" s="264" t="s">
        <v>340</v>
      </c>
      <c r="I57" s="778" t="s">
        <v>98</v>
      </c>
    </row>
    <row r="58" spans="1:9" ht="14.25" x14ac:dyDescent="0.15">
      <c r="A58" s="18"/>
      <c r="B58" s="18"/>
      <c r="C58" s="35"/>
      <c r="D58" s="25"/>
      <c r="E58" s="32"/>
      <c r="F58" s="218"/>
      <c r="G58" s="215" t="s">
        <v>364</v>
      </c>
      <c r="H58" s="266"/>
      <c r="I58" s="778"/>
    </row>
    <row r="59" spans="1:9" ht="14.25" x14ac:dyDescent="0.15">
      <c r="A59" s="18"/>
      <c r="B59" s="18"/>
      <c r="C59" s="35"/>
      <c r="D59" s="25"/>
      <c r="E59" s="32"/>
      <c r="F59" s="191">
        <v>10</v>
      </c>
      <c r="G59" s="214" t="s">
        <v>454</v>
      </c>
      <c r="H59" s="264" t="s">
        <v>226</v>
      </c>
      <c r="I59" s="778" t="s">
        <v>1202</v>
      </c>
    </row>
    <row r="60" spans="1:9" ht="14.25" x14ac:dyDescent="0.15">
      <c r="A60" s="18"/>
      <c r="B60" s="18"/>
      <c r="C60" s="35"/>
      <c r="D60" s="25"/>
      <c r="E60" s="32"/>
      <c r="F60" s="218"/>
      <c r="G60" s="215" t="s">
        <v>365</v>
      </c>
      <c r="H60" s="266"/>
      <c r="I60" s="778"/>
    </row>
    <row r="61" spans="1:9" ht="14.25" x14ac:dyDescent="0.15">
      <c r="A61" s="18"/>
      <c r="B61" s="18"/>
      <c r="C61" s="35"/>
      <c r="D61" s="25"/>
      <c r="E61" s="32"/>
      <c r="F61" s="191">
        <v>11</v>
      </c>
      <c r="G61" s="214" t="s">
        <v>455</v>
      </c>
      <c r="H61" s="264" t="s">
        <v>249</v>
      </c>
      <c r="I61" s="778" t="s">
        <v>98</v>
      </c>
    </row>
    <row r="62" spans="1:9" ht="14.25" x14ac:dyDescent="0.15">
      <c r="A62" s="18"/>
      <c r="B62" s="18"/>
      <c r="C62" s="35"/>
      <c r="D62" s="25"/>
      <c r="E62" s="32"/>
      <c r="F62" s="218"/>
      <c r="G62" s="215" t="s">
        <v>366</v>
      </c>
      <c r="H62" s="266"/>
      <c r="I62" s="778"/>
    </row>
    <row r="63" spans="1:9" ht="30" customHeight="1" x14ac:dyDescent="0.15">
      <c r="C63" s="84"/>
      <c r="D63" s="86"/>
      <c r="E63" s="93"/>
      <c r="F63" s="217">
        <v>12</v>
      </c>
      <c r="G63" s="214" t="s">
        <v>456</v>
      </c>
      <c r="H63" s="175" t="s">
        <v>341</v>
      </c>
      <c r="I63" s="778" t="s">
        <v>98</v>
      </c>
    </row>
    <row r="64" spans="1:9" ht="24" x14ac:dyDescent="0.15">
      <c r="A64" s="18"/>
      <c r="B64" s="18"/>
      <c r="C64" s="35"/>
      <c r="D64" s="25"/>
      <c r="E64" s="32"/>
      <c r="F64" s="189"/>
      <c r="G64" s="215" t="s">
        <v>367</v>
      </c>
      <c r="H64" s="216"/>
      <c r="I64" s="778"/>
    </row>
    <row r="65" spans="1:9" x14ac:dyDescent="0.15">
      <c r="C65" s="84"/>
      <c r="D65" s="86"/>
      <c r="E65" s="93"/>
      <c r="F65" s="191">
        <v>14</v>
      </c>
      <c r="G65" s="214" t="s">
        <v>227</v>
      </c>
      <c r="H65" s="264" t="s">
        <v>77</v>
      </c>
      <c r="I65" s="785" t="s">
        <v>98</v>
      </c>
    </row>
    <row r="66" spans="1:9" x14ac:dyDescent="0.15">
      <c r="C66" s="84"/>
      <c r="D66" s="86"/>
      <c r="E66" s="32"/>
      <c r="F66" s="202"/>
      <c r="G66" s="215" t="s">
        <v>111</v>
      </c>
      <c r="H66" s="266"/>
      <c r="I66" s="786"/>
    </row>
    <row r="67" spans="1:9" x14ac:dyDescent="0.15">
      <c r="C67" s="84"/>
      <c r="D67" s="86"/>
      <c r="E67" s="32"/>
      <c r="F67" s="202"/>
      <c r="G67" s="236" t="s">
        <v>457</v>
      </c>
      <c r="H67" s="264" t="s">
        <v>77</v>
      </c>
      <c r="I67" s="787" t="s">
        <v>94</v>
      </c>
    </row>
    <row r="68" spans="1:9" x14ac:dyDescent="0.15">
      <c r="C68" s="84"/>
      <c r="D68" s="86"/>
      <c r="E68" s="32"/>
      <c r="F68" s="202"/>
      <c r="G68" s="237"/>
      <c r="H68" s="266"/>
      <c r="I68" s="786"/>
    </row>
    <row r="69" spans="1:9" x14ac:dyDescent="0.15">
      <c r="C69" s="84"/>
      <c r="D69" s="86"/>
      <c r="E69" s="32"/>
      <c r="F69" s="202"/>
      <c r="G69" s="238" t="s">
        <v>238</v>
      </c>
      <c r="H69" s="264" t="s">
        <v>77</v>
      </c>
      <c r="I69" s="785"/>
    </row>
    <row r="70" spans="1:9" x14ac:dyDescent="0.15">
      <c r="C70" s="91"/>
      <c r="D70" s="99"/>
      <c r="E70" s="33"/>
      <c r="F70" s="23"/>
      <c r="G70" s="108"/>
      <c r="H70" s="104"/>
      <c r="I70" s="786"/>
    </row>
    <row r="71" spans="1:9" ht="14.25" x14ac:dyDescent="0.15">
      <c r="A71" s="18"/>
      <c r="B71" s="223"/>
      <c r="C71" s="30"/>
      <c r="D71" s="19"/>
      <c r="E71" s="30"/>
      <c r="F71" s="20"/>
      <c r="G71" s="21"/>
      <c r="I71" s="37" t="s">
        <v>395</v>
      </c>
    </row>
    <row r="72" spans="1:9" ht="14.25" x14ac:dyDescent="0.15">
      <c r="A72" s="789" t="s">
        <v>117</v>
      </c>
      <c r="B72" s="789"/>
      <c r="C72" s="789"/>
      <c r="D72" s="789"/>
      <c r="E72" s="789"/>
      <c r="F72" s="789"/>
      <c r="G72" s="789"/>
      <c r="H72" s="789"/>
      <c r="I72" s="789"/>
    </row>
    <row r="73" spans="1:9" ht="14.25" x14ac:dyDescent="0.15">
      <c r="A73" s="18"/>
      <c r="B73" s="1" t="s">
        <v>76</v>
      </c>
      <c r="C73" s="30"/>
      <c r="D73" s="19"/>
      <c r="E73" s="30"/>
      <c r="F73" s="20"/>
      <c r="G73" s="21"/>
    </row>
    <row r="74" spans="1:9" ht="26.25" thickBot="1" x14ac:dyDescent="0.2">
      <c r="C74" s="779" t="s">
        <v>430</v>
      </c>
      <c r="D74" s="780"/>
      <c r="E74" s="781"/>
      <c r="F74" s="80" t="s">
        <v>12</v>
      </c>
      <c r="G74" s="81" t="s">
        <v>431</v>
      </c>
      <c r="H74" s="82" t="s">
        <v>432</v>
      </c>
      <c r="I74" s="83" t="s">
        <v>99</v>
      </c>
    </row>
    <row r="75" spans="1:9" ht="16.5" thickTop="1" x14ac:dyDescent="0.15">
      <c r="C75" s="90">
        <v>3</v>
      </c>
      <c r="D75" s="94" t="s">
        <v>458</v>
      </c>
      <c r="E75" s="95"/>
      <c r="F75" s="96"/>
      <c r="G75" s="97"/>
      <c r="H75" s="95"/>
      <c r="I75" s="98"/>
    </row>
    <row r="76" spans="1:9" x14ac:dyDescent="0.15">
      <c r="C76" s="84"/>
      <c r="D76" s="86"/>
      <c r="E76" s="87" t="s">
        <v>433</v>
      </c>
      <c r="F76" s="88">
        <v>1</v>
      </c>
      <c r="G76" s="89" t="s">
        <v>459</v>
      </c>
      <c r="H76" s="90" t="s">
        <v>77</v>
      </c>
      <c r="I76" s="778" t="s">
        <v>1202</v>
      </c>
    </row>
    <row r="77" spans="1:9" ht="14.25" x14ac:dyDescent="0.15">
      <c r="A77" s="18"/>
      <c r="B77" s="18"/>
      <c r="C77" s="35"/>
      <c r="D77" s="25"/>
      <c r="E77" s="31" t="s">
        <v>10</v>
      </c>
      <c r="F77" s="23"/>
      <c r="G77" s="24" t="s">
        <v>107</v>
      </c>
      <c r="H77" s="91"/>
      <c r="I77" s="778"/>
    </row>
    <row r="78" spans="1:9" ht="27.75" customHeight="1" x14ac:dyDescent="0.15">
      <c r="C78" s="84"/>
      <c r="D78" s="86"/>
      <c r="E78" s="92" t="s">
        <v>443</v>
      </c>
      <c r="F78" s="88">
        <v>2</v>
      </c>
      <c r="G78" s="89" t="s">
        <v>460</v>
      </c>
      <c r="H78" s="90"/>
      <c r="I78" s="101"/>
    </row>
    <row r="79" spans="1:9" ht="28.5" customHeight="1" x14ac:dyDescent="0.15">
      <c r="A79" s="18"/>
      <c r="B79" s="18"/>
      <c r="C79" s="35"/>
      <c r="D79" s="25"/>
      <c r="E79" s="32" t="s">
        <v>11</v>
      </c>
      <c r="F79" s="26"/>
      <c r="G79" s="24" t="s">
        <v>510</v>
      </c>
      <c r="H79" s="91"/>
      <c r="I79" s="103"/>
    </row>
    <row r="80" spans="1:9" ht="26.25" x14ac:dyDescent="0.15">
      <c r="C80" s="84"/>
      <c r="D80" s="86"/>
      <c r="E80" s="93"/>
      <c r="F80" s="102"/>
      <c r="G80" s="219" t="s">
        <v>461</v>
      </c>
      <c r="H80" s="90" t="s">
        <v>81</v>
      </c>
      <c r="I80" s="263" t="s">
        <v>1202</v>
      </c>
    </row>
    <row r="81" spans="1:9" x14ac:dyDescent="0.15">
      <c r="C81" s="84"/>
      <c r="D81" s="86"/>
      <c r="E81" s="93"/>
      <c r="F81" s="102"/>
      <c r="G81" s="219" t="s">
        <v>462</v>
      </c>
      <c r="H81" s="90" t="s">
        <v>82</v>
      </c>
      <c r="I81" s="790" t="s">
        <v>98</v>
      </c>
    </row>
    <row r="82" spans="1:9" x14ac:dyDescent="0.15">
      <c r="C82" s="84"/>
      <c r="D82" s="86"/>
      <c r="E82" s="93"/>
      <c r="F82" s="102"/>
      <c r="G82" s="270" t="s">
        <v>463</v>
      </c>
      <c r="H82" s="91"/>
      <c r="I82" s="791"/>
    </row>
    <row r="83" spans="1:9" ht="26.25" x14ac:dyDescent="0.15">
      <c r="C83" s="84"/>
      <c r="D83" s="86"/>
      <c r="E83" s="93"/>
      <c r="F83" s="102"/>
      <c r="G83" s="219" t="s">
        <v>464</v>
      </c>
      <c r="H83" s="90" t="s">
        <v>83</v>
      </c>
      <c r="I83" s="263" t="s">
        <v>98</v>
      </c>
    </row>
    <row r="84" spans="1:9" ht="26.25" x14ac:dyDescent="0.15">
      <c r="C84" s="84"/>
      <c r="D84" s="86"/>
      <c r="E84" s="93"/>
      <c r="F84" s="88">
        <v>3</v>
      </c>
      <c r="G84" s="214" t="s">
        <v>465</v>
      </c>
      <c r="H84" s="90" t="s">
        <v>84</v>
      </c>
      <c r="I84" s="263" t="s">
        <v>98</v>
      </c>
    </row>
    <row r="85" spans="1:9" ht="28.5" x14ac:dyDescent="0.15">
      <c r="C85" s="84"/>
      <c r="D85" s="86"/>
      <c r="E85" s="93"/>
      <c r="F85" s="88">
        <v>4</v>
      </c>
      <c r="G85" s="214" t="s">
        <v>466</v>
      </c>
      <c r="H85" s="90" t="s">
        <v>85</v>
      </c>
      <c r="I85" s="778" t="s">
        <v>1202</v>
      </c>
    </row>
    <row r="86" spans="1:9" ht="24" x14ac:dyDescent="0.15">
      <c r="A86" s="18"/>
      <c r="B86" s="18"/>
      <c r="C86" s="35"/>
      <c r="D86" s="25"/>
      <c r="E86" s="32"/>
      <c r="F86" s="26"/>
      <c r="G86" s="239" t="s">
        <v>368</v>
      </c>
      <c r="H86" s="84"/>
      <c r="I86" s="778"/>
    </row>
    <row r="87" spans="1:9" x14ac:dyDescent="0.15">
      <c r="C87" s="84"/>
      <c r="D87" s="86"/>
      <c r="E87" s="93"/>
      <c r="F87" s="88">
        <v>5</v>
      </c>
      <c r="G87" s="89" t="s">
        <v>112</v>
      </c>
      <c r="H87" s="92" t="s">
        <v>77</v>
      </c>
      <c r="I87" s="785" t="s">
        <v>98</v>
      </c>
    </row>
    <row r="88" spans="1:9" x14ac:dyDescent="0.15">
      <c r="C88" s="84"/>
      <c r="D88" s="86"/>
      <c r="E88" s="32"/>
      <c r="F88" s="26"/>
      <c r="G88" s="24" t="s">
        <v>250</v>
      </c>
      <c r="H88" s="104"/>
      <c r="I88" s="786"/>
    </row>
    <row r="89" spans="1:9" ht="15.75" customHeight="1" x14ac:dyDescent="0.15">
      <c r="C89" s="84"/>
      <c r="D89" s="86"/>
      <c r="E89" s="32"/>
      <c r="F89" s="26"/>
      <c r="G89" s="105" t="s">
        <v>441</v>
      </c>
      <c r="H89" s="92" t="s">
        <v>77</v>
      </c>
      <c r="I89" s="787" t="s">
        <v>94</v>
      </c>
    </row>
    <row r="90" spans="1:9" x14ac:dyDescent="0.15">
      <c r="C90" s="84"/>
      <c r="D90" s="86"/>
      <c r="E90" s="32"/>
      <c r="F90" s="26"/>
      <c r="G90" s="106"/>
      <c r="H90" s="104"/>
      <c r="I90" s="786"/>
    </row>
    <row r="91" spans="1:9" x14ac:dyDescent="0.15">
      <c r="C91" s="84"/>
      <c r="D91" s="86"/>
      <c r="E91" s="32"/>
      <c r="F91" s="26"/>
      <c r="G91" s="40" t="s">
        <v>113</v>
      </c>
      <c r="H91" s="92" t="s">
        <v>77</v>
      </c>
      <c r="I91" s="785"/>
    </row>
    <row r="92" spans="1:9" x14ac:dyDescent="0.15">
      <c r="C92" s="91"/>
      <c r="D92" s="99"/>
      <c r="E92" s="33"/>
      <c r="F92" s="23"/>
      <c r="G92" s="107"/>
      <c r="H92" s="104"/>
      <c r="I92" s="786"/>
    </row>
    <row r="93" spans="1:9" x14ac:dyDescent="0.15">
      <c r="C93" s="181">
        <v>4</v>
      </c>
      <c r="D93" s="180" t="s">
        <v>355</v>
      </c>
      <c r="E93" s="210"/>
      <c r="F93" s="211"/>
      <c r="G93" s="212"/>
      <c r="I93" s="86"/>
    </row>
    <row r="94" spans="1:9" x14ac:dyDescent="0.15">
      <c r="C94" s="181"/>
      <c r="D94" s="180" t="s">
        <v>251</v>
      </c>
      <c r="E94" s="210"/>
      <c r="F94" s="211"/>
      <c r="G94" s="212"/>
      <c r="I94" s="86"/>
    </row>
    <row r="95" spans="1:9" x14ac:dyDescent="0.15">
      <c r="C95" s="84"/>
      <c r="D95" s="86"/>
      <c r="E95" s="87" t="s">
        <v>433</v>
      </c>
      <c r="F95" s="191">
        <v>1</v>
      </c>
      <c r="G95" s="214" t="s">
        <v>239</v>
      </c>
      <c r="H95" s="175" t="s">
        <v>252</v>
      </c>
      <c r="I95" s="778" t="s">
        <v>1202</v>
      </c>
    </row>
    <row r="96" spans="1:9" ht="14.25" x14ac:dyDescent="0.15">
      <c r="A96" s="18"/>
      <c r="B96" s="18"/>
      <c r="C96" s="35"/>
      <c r="D96" s="25"/>
      <c r="E96" s="31" t="s">
        <v>10</v>
      </c>
      <c r="F96" s="189"/>
      <c r="G96" s="215" t="s">
        <v>253</v>
      </c>
      <c r="H96" s="216"/>
      <c r="I96" s="778"/>
    </row>
    <row r="97" spans="1:9" ht="33.75" customHeight="1" x14ac:dyDescent="0.15">
      <c r="C97" s="84"/>
      <c r="D97" s="86"/>
      <c r="E97" s="93" t="s">
        <v>101</v>
      </c>
      <c r="F97" s="217">
        <v>2</v>
      </c>
      <c r="G97" s="214" t="s">
        <v>467</v>
      </c>
      <c r="H97" s="175" t="s">
        <v>230</v>
      </c>
      <c r="I97" s="778" t="s">
        <v>1202</v>
      </c>
    </row>
    <row r="98" spans="1:9" ht="27" customHeight="1" x14ac:dyDescent="0.15">
      <c r="C98" s="91"/>
      <c r="D98" s="99"/>
      <c r="E98" s="33" t="s">
        <v>11</v>
      </c>
      <c r="F98" s="189"/>
      <c r="G98" s="215" t="s">
        <v>254</v>
      </c>
      <c r="H98" s="216"/>
      <c r="I98" s="778"/>
    </row>
    <row r="99" spans="1:9" x14ac:dyDescent="0.15">
      <c r="B99" s="29" t="s">
        <v>468</v>
      </c>
    </row>
    <row r="100" spans="1:9" ht="14.25" x14ac:dyDescent="0.15">
      <c r="A100" s="18"/>
      <c r="B100" s="29" t="s">
        <v>255</v>
      </c>
      <c r="C100" s="30"/>
      <c r="D100" s="19"/>
      <c r="E100" s="30"/>
      <c r="F100" s="20"/>
      <c r="G100" s="21"/>
    </row>
    <row r="101" spans="1:9" x14ac:dyDescent="0.15">
      <c r="B101" s="271" t="s">
        <v>1362</v>
      </c>
    </row>
    <row r="102" spans="1:9" ht="14.25" x14ac:dyDescent="0.15">
      <c r="A102" s="18"/>
      <c r="B102" s="271" t="s">
        <v>1363</v>
      </c>
      <c r="C102" s="30"/>
      <c r="D102" s="19"/>
      <c r="E102" s="30"/>
      <c r="F102" s="20"/>
      <c r="G102" s="21"/>
    </row>
    <row r="103" spans="1:9" x14ac:dyDescent="0.15">
      <c r="B103" s="271" t="s">
        <v>1178</v>
      </c>
    </row>
    <row r="156" spans="1:9" ht="14.25" x14ac:dyDescent="0.15">
      <c r="A156" s="789" t="s">
        <v>118</v>
      </c>
      <c r="B156" s="789"/>
      <c r="C156" s="789"/>
      <c r="D156" s="789"/>
      <c r="E156" s="789"/>
      <c r="F156" s="789"/>
      <c r="G156" s="789"/>
      <c r="H156" s="789"/>
      <c r="I156" s="789"/>
    </row>
    <row r="157" spans="1:9" ht="14.25" x14ac:dyDescent="0.15">
      <c r="A157" s="18"/>
      <c r="B157" s="29"/>
      <c r="C157" s="30"/>
      <c r="D157" s="19"/>
      <c r="E157" s="30"/>
      <c r="F157" s="20"/>
      <c r="G157" s="21"/>
    </row>
    <row r="158" spans="1:9" s="51" customFormat="1" ht="12.75" x14ac:dyDescent="0.15"/>
  </sheetData>
  <mergeCells count="34">
    <mergeCell ref="B3:I3"/>
    <mergeCell ref="I91:I92"/>
    <mergeCell ref="I95:I96"/>
    <mergeCell ref="I97:I98"/>
    <mergeCell ref="A156:I156"/>
    <mergeCell ref="C74:E74"/>
    <mergeCell ref="I87:I88"/>
    <mergeCell ref="I89:I90"/>
    <mergeCell ref="A72:I72"/>
    <mergeCell ref="I69:I70"/>
    <mergeCell ref="I76:I77"/>
    <mergeCell ref="I81:I82"/>
    <mergeCell ref="I85:I86"/>
    <mergeCell ref="I61:I62"/>
    <mergeCell ref="I63:I64"/>
    <mergeCell ref="I65:I66"/>
    <mergeCell ref="I67:I68"/>
    <mergeCell ref="I45:I46"/>
    <mergeCell ref="I47:I48"/>
    <mergeCell ref="H53:H56"/>
    <mergeCell ref="I57:I58"/>
    <mergeCell ref="I59:I60"/>
    <mergeCell ref="I43:I44"/>
    <mergeCell ref="C15:E15"/>
    <mergeCell ref="I17:I18"/>
    <mergeCell ref="H19:H25"/>
    <mergeCell ref="I26:I27"/>
    <mergeCell ref="I28:I29"/>
    <mergeCell ref="I30:I31"/>
    <mergeCell ref="I32:I33"/>
    <mergeCell ref="I34:I35"/>
    <mergeCell ref="I37:I38"/>
    <mergeCell ref="I39:I40"/>
    <mergeCell ref="I41:I42"/>
  </mergeCells>
  <phoneticPr fontId="9"/>
  <conditionalFormatting sqref="I17 I76 I37 I41 I39">
    <cfRule type="cellIs" dxfId="130" priority="18" stopIfTrue="1" operator="equal">
      <formula>"X"</formula>
    </cfRule>
  </conditionalFormatting>
  <conditionalFormatting sqref="I43 I50:I52 I47 I45 I80:I81 I63 I83:I85">
    <cfRule type="cellIs" dxfId="129" priority="17" operator="equal">
      <formula>"X"</formula>
    </cfRule>
  </conditionalFormatting>
  <conditionalFormatting sqref="I87">
    <cfRule type="cellIs" dxfId="128" priority="16" operator="equal">
      <formula>"X"</formula>
    </cfRule>
  </conditionalFormatting>
  <conditionalFormatting sqref="I65">
    <cfRule type="cellIs" dxfId="127" priority="15" operator="equal">
      <formula>"X"</formula>
    </cfRule>
  </conditionalFormatting>
  <conditionalFormatting sqref="I30">
    <cfRule type="cellIs" dxfId="126" priority="14" operator="equal">
      <formula>"X"</formula>
    </cfRule>
  </conditionalFormatting>
  <conditionalFormatting sqref="I26">
    <cfRule type="cellIs" dxfId="125" priority="13" operator="equal">
      <formula>"X"</formula>
    </cfRule>
  </conditionalFormatting>
  <conditionalFormatting sqref="I28">
    <cfRule type="cellIs" dxfId="124" priority="12" operator="equal">
      <formula>"X"</formula>
    </cfRule>
  </conditionalFormatting>
  <conditionalFormatting sqref="I57">
    <cfRule type="cellIs" dxfId="123" priority="11" operator="equal">
      <formula>"X"</formula>
    </cfRule>
  </conditionalFormatting>
  <conditionalFormatting sqref="I59">
    <cfRule type="cellIs" dxfId="122" priority="10" operator="equal">
      <formula>"X"</formula>
    </cfRule>
  </conditionalFormatting>
  <conditionalFormatting sqref="I61">
    <cfRule type="cellIs" dxfId="121" priority="9" operator="equal">
      <formula>"X"</formula>
    </cfRule>
  </conditionalFormatting>
  <conditionalFormatting sqref="I95">
    <cfRule type="cellIs" dxfId="120" priority="7" stopIfTrue="1" operator="equal">
      <formula>"X"</formula>
    </cfRule>
  </conditionalFormatting>
  <conditionalFormatting sqref="I97">
    <cfRule type="cellIs" dxfId="119" priority="6" operator="equal">
      <formula>"X"</formula>
    </cfRule>
  </conditionalFormatting>
  <conditionalFormatting sqref="I20:I21 I25">
    <cfRule type="cellIs" dxfId="118" priority="5" operator="equal">
      <formula>"X"</formula>
    </cfRule>
  </conditionalFormatting>
  <conditionalFormatting sqref="I22 I24">
    <cfRule type="cellIs" dxfId="117" priority="4" operator="equal">
      <formula>"X"</formula>
    </cfRule>
  </conditionalFormatting>
  <conditionalFormatting sqref="I55">
    <cfRule type="cellIs" dxfId="116" priority="1" operator="equal">
      <formula>"X"</formula>
    </cfRule>
  </conditionalFormatting>
  <conditionalFormatting sqref="I23">
    <cfRule type="cellIs" dxfId="115" priority="3" operator="equal">
      <formula>"X"</formula>
    </cfRule>
  </conditionalFormatting>
  <conditionalFormatting sqref="I54 I56">
    <cfRule type="cellIs" dxfId="114" priority="2" operator="equal">
      <formula>"X"</formula>
    </cfRule>
  </conditionalFormatting>
  <dataValidations disablePrompts="1" count="2">
    <dataValidation type="list" allowBlank="1" showInputMessage="1" showErrorMessage="1" sqref="I32:I33 I67:I68 I89:I90">
      <formula1>"&lt; AnnexIII / AnnexIV &gt;, AnnexIII, AnnexIV"</formula1>
    </dataValidation>
    <dataValidation type="list" allowBlank="1" showInputMessage="1" showErrorMessage="1" sqref="I30 I39 I76 I50:I52 I47 I45 I43 I41 I37 I17 I83:I85 I80:I81 I63 I65 I87 I59 I61 I95 I97:I98 I20:I28 I54:I57">
      <formula1>"　,X"</formula1>
    </dataValidation>
  </dataValidations>
  <printOptions horizontalCentered="1"/>
  <pageMargins left="0.59055118110236227" right="0.59055118110236227" top="0.59055118110236227" bottom="0.59055118110236227" header="0.31496062992125984" footer="0.31496062992125984"/>
  <pageSetup paperSize="9" scale="53" fitToHeight="2" orientation="portrait" r:id="rId1"/>
  <headerFooter>
    <oddFooter>&amp;LRoHS (appendix.)&amp;RV.13.0 (revised on Nov. 2021)</oddFooter>
  </headerFooter>
  <rowBreaks count="1" manualBreakCount="1">
    <brk id="72" max="8" man="1"/>
  </row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F0"/>
  </sheetPr>
  <dimension ref="A1:I219"/>
  <sheetViews>
    <sheetView showGridLines="0" view="pageBreakPreview" zoomScale="90" zoomScaleNormal="100" zoomScaleSheetLayoutView="90" workbookViewId="0"/>
  </sheetViews>
  <sheetFormatPr defaultColWidth="0.85546875" defaultRowHeight="15.75" x14ac:dyDescent="0.15"/>
  <cols>
    <col min="1" max="1" width="1.85546875" style="73" customWidth="1"/>
    <col min="2" max="2" width="1.85546875" style="75" customWidth="1"/>
    <col min="3" max="3" width="4" style="76" bestFit="1" customWidth="1"/>
    <col min="4" max="4" width="1.42578125" style="77" customWidth="1"/>
    <col min="5" max="5" width="13" style="76" customWidth="1"/>
    <col min="6" max="6" width="5.42578125" style="78" bestFit="1" customWidth="1"/>
    <col min="7" max="7" width="108.7109375" style="79" customWidth="1"/>
    <col min="8" max="8" width="13.140625" style="77" customWidth="1"/>
    <col min="9" max="9" width="8.28515625" style="77" customWidth="1"/>
    <col min="10" max="16384" width="0.85546875" style="77"/>
  </cols>
  <sheetData>
    <row r="1" spans="1:8" x14ac:dyDescent="0.15">
      <c r="H1" s="9">
        <f>A.RoHS!G1</f>
        <v>0</v>
      </c>
    </row>
    <row r="2" spans="1:8" x14ac:dyDescent="0.15">
      <c r="A2" s="73" t="s">
        <v>372</v>
      </c>
    </row>
    <row r="3" spans="1:8" ht="14.25" x14ac:dyDescent="0.15">
      <c r="A3" s="18"/>
      <c r="B3" s="18"/>
      <c r="C3" s="30"/>
      <c r="D3" s="19"/>
      <c r="E3" s="30"/>
      <c r="F3" s="20"/>
      <c r="G3" s="21"/>
    </row>
    <row r="4" spans="1:8" x14ac:dyDescent="0.15">
      <c r="B4" s="74" t="s">
        <v>259</v>
      </c>
    </row>
    <row r="5" spans="1:8" ht="14.25" x14ac:dyDescent="0.15">
      <c r="A5" s="18"/>
      <c r="B5" s="18" t="s">
        <v>124</v>
      </c>
      <c r="C5" s="30"/>
      <c r="D5" s="19"/>
      <c r="E5" s="30"/>
      <c r="F5" s="20"/>
      <c r="G5" s="21"/>
      <c r="H5" s="108"/>
    </row>
    <row r="6" spans="1:8" ht="26.25" thickBot="1" x14ac:dyDescent="0.2">
      <c r="C6" s="794" t="s">
        <v>260</v>
      </c>
      <c r="D6" s="795"/>
      <c r="E6" s="796"/>
      <c r="F6" s="80" t="s">
        <v>12</v>
      </c>
      <c r="G6" s="109" t="s">
        <v>261</v>
      </c>
      <c r="H6" s="83" t="s">
        <v>99</v>
      </c>
    </row>
    <row r="7" spans="1:8" ht="16.5" thickTop="1" x14ac:dyDescent="0.15">
      <c r="C7" s="90">
        <v>1</v>
      </c>
      <c r="D7" s="94" t="s">
        <v>1365</v>
      </c>
      <c r="E7" s="95"/>
      <c r="F7" s="96"/>
      <c r="G7" s="97"/>
      <c r="H7" s="110"/>
    </row>
    <row r="8" spans="1:8" x14ac:dyDescent="0.15">
      <c r="C8" s="84"/>
      <c r="D8" s="86"/>
      <c r="E8" s="87" t="s">
        <v>100</v>
      </c>
      <c r="F8" s="88">
        <v>1</v>
      </c>
      <c r="G8" s="111" t="s">
        <v>262</v>
      </c>
      <c r="H8" s="778" t="s">
        <v>1202</v>
      </c>
    </row>
    <row r="9" spans="1:8" ht="14.25" x14ac:dyDescent="0.15">
      <c r="A9" s="18"/>
      <c r="B9" s="18"/>
      <c r="C9" s="35"/>
      <c r="D9" s="25"/>
      <c r="E9" s="34" t="s">
        <v>10</v>
      </c>
      <c r="F9" s="23"/>
      <c r="G9" s="27" t="s">
        <v>13</v>
      </c>
      <c r="H9" s="778"/>
    </row>
    <row r="10" spans="1:8" x14ac:dyDescent="0.15">
      <c r="C10" s="84"/>
      <c r="D10" s="86"/>
      <c r="E10" s="100"/>
      <c r="F10" s="88">
        <v>2</v>
      </c>
      <c r="G10" s="111" t="s">
        <v>120</v>
      </c>
      <c r="H10" s="778" t="s">
        <v>1202</v>
      </c>
    </row>
    <row r="11" spans="1:8" ht="14.25" x14ac:dyDescent="0.15">
      <c r="A11" s="18"/>
      <c r="B11" s="18"/>
      <c r="C11" s="35"/>
      <c r="D11" s="25"/>
      <c r="E11" s="31"/>
      <c r="F11" s="23"/>
      <c r="G11" s="27" t="s">
        <v>14</v>
      </c>
      <c r="H11" s="778"/>
    </row>
    <row r="12" spans="1:8" x14ac:dyDescent="0.15">
      <c r="C12" s="84"/>
      <c r="D12" s="86"/>
      <c r="E12" s="92" t="s">
        <v>101</v>
      </c>
      <c r="F12" s="88">
        <v>3</v>
      </c>
      <c r="G12" s="111" t="s">
        <v>263</v>
      </c>
      <c r="H12" s="101"/>
    </row>
    <row r="13" spans="1:8" ht="14.25" x14ac:dyDescent="0.15">
      <c r="A13" s="18"/>
      <c r="B13" s="18"/>
      <c r="C13" s="35"/>
      <c r="D13" s="25"/>
      <c r="E13" s="32" t="s">
        <v>11</v>
      </c>
      <c r="F13" s="26"/>
      <c r="G13" s="27" t="s">
        <v>15</v>
      </c>
      <c r="H13" s="103"/>
    </row>
    <row r="14" spans="1:8" x14ac:dyDescent="0.15">
      <c r="C14" s="84"/>
      <c r="D14" s="86"/>
      <c r="E14" s="93"/>
      <c r="F14" s="102"/>
      <c r="G14" s="112" t="s">
        <v>264</v>
      </c>
      <c r="H14" s="263" t="s">
        <v>98</v>
      </c>
    </row>
    <row r="15" spans="1:8" x14ac:dyDescent="0.15">
      <c r="C15" s="84"/>
      <c r="D15" s="86"/>
      <c r="E15" s="93"/>
      <c r="F15" s="102"/>
      <c r="G15" s="112" t="s">
        <v>373</v>
      </c>
      <c r="H15" s="263" t="s">
        <v>98</v>
      </c>
    </row>
    <row r="16" spans="1:8" x14ac:dyDescent="0.15">
      <c r="C16" s="84"/>
      <c r="D16" s="86"/>
      <c r="E16" s="93"/>
      <c r="F16" s="102"/>
      <c r="G16" s="112" t="s">
        <v>374</v>
      </c>
      <c r="H16" s="263" t="s">
        <v>1202</v>
      </c>
    </row>
    <row r="17" spans="1:8" x14ac:dyDescent="0.15">
      <c r="C17" s="84"/>
      <c r="D17" s="86"/>
      <c r="E17" s="93"/>
      <c r="F17" s="102"/>
      <c r="G17" s="112" t="s">
        <v>265</v>
      </c>
      <c r="H17" s="263" t="s">
        <v>98</v>
      </c>
    </row>
    <row r="18" spans="1:8" x14ac:dyDescent="0.15">
      <c r="C18" s="90">
        <v>2</v>
      </c>
      <c r="D18" s="94" t="s">
        <v>266</v>
      </c>
      <c r="E18" s="95"/>
      <c r="F18" s="96"/>
      <c r="G18" s="97"/>
      <c r="H18" s="110"/>
    </row>
    <row r="19" spans="1:8" ht="27.75" x14ac:dyDescent="0.15">
      <c r="C19" s="84"/>
      <c r="D19" s="86"/>
      <c r="E19" s="87" t="s">
        <v>100</v>
      </c>
      <c r="F19" s="88">
        <v>1</v>
      </c>
      <c r="G19" s="111" t="s">
        <v>375</v>
      </c>
      <c r="H19" s="778" t="s">
        <v>98</v>
      </c>
    </row>
    <row r="20" spans="1:8" ht="34.5" customHeight="1" x14ac:dyDescent="0.15">
      <c r="A20" s="18"/>
      <c r="B20" s="18"/>
      <c r="C20" s="35"/>
      <c r="D20" s="25"/>
      <c r="E20" s="31" t="s">
        <v>10</v>
      </c>
      <c r="F20" s="23"/>
      <c r="G20" s="27" t="s">
        <v>87</v>
      </c>
      <c r="H20" s="778"/>
    </row>
    <row r="21" spans="1:8" x14ac:dyDescent="0.15">
      <c r="C21" s="84"/>
      <c r="D21" s="86"/>
      <c r="E21" s="92" t="s">
        <v>101</v>
      </c>
      <c r="F21" s="88">
        <v>2</v>
      </c>
      <c r="G21" s="111" t="s">
        <v>376</v>
      </c>
      <c r="H21" s="778" t="s">
        <v>98</v>
      </c>
    </row>
    <row r="22" spans="1:8" ht="14.25" x14ac:dyDescent="0.15">
      <c r="A22" s="18"/>
      <c r="B22" s="18"/>
      <c r="C22" s="35"/>
      <c r="D22" s="25"/>
      <c r="E22" s="32" t="s">
        <v>11</v>
      </c>
      <c r="F22" s="26"/>
      <c r="G22" s="28" t="s">
        <v>26</v>
      </c>
      <c r="H22" s="778"/>
    </row>
    <row r="23" spans="1:8" x14ac:dyDescent="0.15">
      <c r="C23" s="90">
        <v>3</v>
      </c>
      <c r="D23" s="94" t="s">
        <v>377</v>
      </c>
      <c r="E23" s="95"/>
      <c r="F23" s="96"/>
      <c r="G23" s="97"/>
      <c r="H23" s="98"/>
    </row>
    <row r="24" spans="1:8" x14ac:dyDescent="0.15">
      <c r="C24" s="84"/>
      <c r="D24" s="86"/>
      <c r="E24" s="87" t="s">
        <v>100</v>
      </c>
      <c r="F24" s="88">
        <v>1</v>
      </c>
      <c r="G24" s="635" t="s">
        <v>1180</v>
      </c>
      <c r="H24" s="778" t="s">
        <v>98</v>
      </c>
    </row>
    <row r="25" spans="1:8" ht="14.25" x14ac:dyDescent="0.15">
      <c r="A25" s="18"/>
      <c r="B25" s="18"/>
      <c r="C25" s="35"/>
      <c r="D25" s="25"/>
      <c r="E25" s="31" t="s">
        <v>10</v>
      </c>
      <c r="F25" s="23"/>
      <c r="G25" s="27" t="s">
        <v>1185</v>
      </c>
      <c r="H25" s="778"/>
    </row>
    <row r="26" spans="1:8" x14ac:dyDescent="0.15">
      <c r="C26" s="84"/>
      <c r="D26" s="86"/>
      <c r="E26" s="92" t="s">
        <v>101</v>
      </c>
      <c r="F26" s="88">
        <v>2</v>
      </c>
      <c r="G26" s="111" t="s">
        <v>378</v>
      </c>
      <c r="H26" s="778" t="s">
        <v>98</v>
      </c>
    </row>
    <row r="27" spans="1:8" ht="14.25" x14ac:dyDescent="0.15">
      <c r="A27" s="18"/>
      <c r="B27" s="18"/>
      <c r="C27" s="35"/>
      <c r="D27" s="25"/>
      <c r="E27" s="32" t="s">
        <v>11</v>
      </c>
      <c r="F27" s="26"/>
      <c r="G27" s="28" t="s">
        <v>16</v>
      </c>
      <c r="H27" s="778"/>
    </row>
    <row r="28" spans="1:8" x14ac:dyDescent="0.15">
      <c r="C28" s="90">
        <v>4</v>
      </c>
      <c r="D28" s="94" t="s">
        <v>197</v>
      </c>
      <c r="E28" s="95"/>
      <c r="F28" s="96"/>
      <c r="G28" s="97"/>
      <c r="H28" s="110"/>
    </row>
    <row r="29" spans="1:8" ht="28.5" x14ac:dyDescent="0.15">
      <c r="C29" s="84"/>
      <c r="D29" s="86"/>
      <c r="E29" s="87" t="s">
        <v>100</v>
      </c>
      <c r="F29" s="88">
        <v>1</v>
      </c>
      <c r="G29" s="192" t="s">
        <v>379</v>
      </c>
      <c r="H29" s="778" t="s">
        <v>98</v>
      </c>
    </row>
    <row r="30" spans="1:8" ht="24" x14ac:dyDescent="0.15">
      <c r="A30" s="18"/>
      <c r="B30" s="18"/>
      <c r="C30" s="35"/>
      <c r="D30" s="25"/>
      <c r="E30" s="31" t="s">
        <v>10</v>
      </c>
      <c r="F30" s="23"/>
      <c r="G30" s="193" t="s">
        <v>235</v>
      </c>
      <c r="H30" s="778"/>
    </row>
    <row r="31" spans="1:8" x14ac:dyDescent="0.15">
      <c r="C31" s="84"/>
      <c r="D31" s="86"/>
      <c r="E31" s="92" t="s">
        <v>101</v>
      </c>
      <c r="F31" s="88">
        <v>2</v>
      </c>
      <c r="G31" s="111" t="s">
        <v>1399</v>
      </c>
      <c r="H31" s="778" t="s">
        <v>98</v>
      </c>
    </row>
    <row r="32" spans="1:8" ht="14.25" x14ac:dyDescent="0.15">
      <c r="A32" s="18"/>
      <c r="B32" s="18"/>
      <c r="C32" s="35"/>
      <c r="D32" s="25"/>
      <c r="E32" s="32" t="s">
        <v>11</v>
      </c>
      <c r="F32" s="26"/>
      <c r="G32" s="28" t="s">
        <v>1400</v>
      </c>
      <c r="H32" s="778"/>
    </row>
    <row r="33" spans="1:8" x14ac:dyDescent="0.15">
      <c r="C33" s="90">
        <v>5</v>
      </c>
      <c r="D33" s="94" t="s">
        <v>380</v>
      </c>
      <c r="E33" s="95"/>
      <c r="F33" s="96"/>
      <c r="G33" s="97"/>
      <c r="H33" s="110"/>
    </row>
    <row r="34" spans="1:8" x14ac:dyDescent="0.15">
      <c r="C34" s="84"/>
      <c r="D34" s="86"/>
      <c r="E34" s="87" t="s">
        <v>100</v>
      </c>
      <c r="F34" s="88">
        <v>1</v>
      </c>
      <c r="G34" s="111" t="s">
        <v>267</v>
      </c>
      <c r="H34" s="778" t="s">
        <v>1202</v>
      </c>
    </row>
    <row r="35" spans="1:8" ht="14.25" x14ac:dyDescent="0.15">
      <c r="A35" s="18"/>
      <c r="B35" s="18"/>
      <c r="C35" s="35"/>
      <c r="D35" s="25"/>
      <c r="E35" s="31" t="s">
        <v>10</v>
      </c>
      <c r="F35" s="23"/>
      <c r="G35" s="27" t="s">
        <v>88</v>
      </c>
      <c r="H35" s="778"/>
    </row>
    <row r="36" spans="1:8" x14ac:dyDescent="0.15">
      <c r="C36" s="84"/>
      <c r="D36" s="86"/>
      <c r="E36" s="92" t="s">
        <v>101</v>
      </c>
      <c r="F36" s="88">
        <v>2</v>
      </c>
      <c r="G36" s="111" t="s">
        <v>268</v>
      </c>
      <c r="H36" s="778" t="s">
        <v>98</v>
      </c>
    </row>
    <row r="37" spans="1:8" ht="14.25" x14ac:dyDescent="0.15">
      <c r="A37" s="18"/>
      <c r="B37" s="18"/>
      <c r="C37" s="35"/>
      <c r="D37" s="25"/>
      <c r="E37" s="32" t="s">
        <v>11</v>
      </c>
      <c r="F37" s="23"/>
      <c r="G37" s="27" t="s">
        <v>17</v>
      </c>
      <c r="H37" s="778"/>
    </row>
    <row r="38" spans="1:8" x14ac:dyDescent="0.15">
      <c r="C38" s="84"/>
      <c r="D38" s="86"/>
      <c r="E38" s="93"/>
      <c r="F38" s="88">
        <v>3</v>
      </c>
      <c r="G38" s="111" t="s">
        <v>381</v>
      </c>
      <c r="H38" s="778" t="s">
        <v>1202</v>
      </c>
    </row>
    <row r="39" spans="1:8" ht="14.25" x14ac:dyDescent="0.15">
      <c r="A39" s="18"/>
      <c r="B39" s="18"/>
      <c r="C39" s="35"/>
      <c r="D39" s="25"/>
      <c r="E39" s="32"/>
      <c r="F39" s="26"/>
      <c r="G39" s="28" t="s">
        <v>18</v>
      </c>
      <c r="H39" s="778"/>
    </row>
    <row r="40" spans="1:8" x14ac:dyDescent="0.15">
      <c r="C40" s="90">
        <v>6</v>
      </c>
      <c r="D40" s="94" t="s">
        <v>382</v>
      </c>
      <c r="E40" s="95"/>
      <c r="F40" s="96"/>
      <c r="G40" s="97"/>
      <c r="H40" s="110"/>
    </row>
    <row r="41" spans="1:8" x14ac:dyDescent="0.15">
      <c r="C41" s="84"/>
      <c r="D41" s="86"/>
      <c r="E41" s="87" t="s">
        <v>100</v>
      </c>
      <c r="F41" s="88">
        <v>1</v>
      </c>
      <c r="G41" s="111" t="s">
        <v>1222</v>
      </c>
      <c r="H41" s="778" t="s">
        <v>1202</v>
      </c>
    </row>
    <row r="42" spans="1:8" ht="14.25" x14ac:dyDescent="0.15">
      <c r="A42" s="18"/>
      <c r="B42" s="18"/>
      <c r="C42" s="35"/>
      <c r="D42" s="25"/>
      <c r="E42" s="31" t="s">
        <v>10</v>
      </c>
      <c r="F42" s="23"/>
      <c r="G42" s="27" t="s">
        <v>1223</v>
      </c>
      <c r="H42" s="778"/>
    </row>
    <row r="43" spans="1:8" x14ac:dyDescent="0.15">
      <c r="C43" s="84"/>
      <c r="D43" s="86"/>
      <c r="E43" s="92" t="s">
        <v>101</v>
      </c>
      <c r="F43" s="88">
        <v>2</v>
      </c>
      <c r="G43" s="111" t="s">
        <v>383</v>
      </c>
      <c r="H43" s="778" t="s">
        <v>98</v>
      </c>
    </row>
    <row r="44" spans="1:8" ht="14.25" x14ac:dyDescent="0.15">
      <c r="A44" s="18"/>
      <c r="B44" s="18"/>
      <c r="C44" s="35"/>
      <c r="D44" s="25"/>
      <c r="E44" s="32" t="s">
        <v>11</v>
      </c>
      <c r="F44" s="23"/>
      <c r="G44" s="28" t="s">
        <v>28</v>
      </c>
      <c r="H44" s="778"/>
    </row>
    <row r="45" spans="1:8" x14ac:dyDescent="0.15">
      <c r="C45" s="90">
        <v>7</v>
      </c>
      <c r="D45" s="94" t="s">
        <v>384</v>
      </c>
      <c r="E45" s="95"/>
      <c r="F45" s="96"/>
      <c r="G45" s="97"/>
      <c r="H45" s="98"/>
    </row>
    <row r="46" spans="1:8" x14ac:dyDescent="0.15">
      <c r="C46" s="84"/>
      <c r="D46" s="86"/>
      <c r="E46" s="87" t="s">
        <v>100</v>
      </c>
      <c r="F46" s="88">
        <v>1</v>
      </c>
      <c r="G46" s="111" t="s">
        <v>385</v>
      </c>
      <c r="H46" s="778" t="s">
        <v>98</v>
      </c>
    </row>
    <row r="47" spans="1:8" ht="14.25" x14ac:dyDescent="0.15">
      <c r="A47" s="18"/>
      <c r="B47" s="18"/>
      <c r="C47" s="35"/>
      <c r="D47" s="25"/>
      <c r="E47" s="31" t="s">
        <v>10</v>
      </c>
      <c r="F47" s="23"/>
      <c r="G47" s="27" t="s">
        <v>19</v>
      </c>
      <c r="H47" s="778"/>
    </row>
    <row r="48" spans="1:8" x14ac:dyDescent="0.15">
      <c r="C48" s="84"/>
      <c r="D48" s="86"/>
      <c r="E48" s="92" t="s">
        <v>101</v>
      </c>
      <c r="F48" s="88">
        <v>2</v>
      </c>
      <c r="G48" s="111" t="s">
        <v>386</v>
      </c>
      <c r="H48" s="778" t="s">
        <v>98</v>
      </c>
    </row>
    <row r="49" spans="1:8" ht="14.25" x14ac:dyDescent="0.15">
      <c r="A49" s="18"/>
      <c r="B49" s="18"/>
      <c r="C49" s="35"/>
      <c r="D49" s="25"/>
      <c r="E49" s="32" t="s">
        <v>11</v>
      </c>
      <c r="F49" s="26"/>
      <c r="G49" s="28" t="s">
        <v>20</v>
      </c>
      <c r="H49" s="778"/>
    </row>
    <row r="50" spans="1:8" x14ac:dyDescent="0.15">
      <c r="C50" s="90">
        <v>8</v>
      </c>
      <c r="D50" s="94" t="s">
        <v>387</v>
      </c>
      <c r="E50" s="95"/>
      <c r="F50" s="96"/>
      <c r="G50" s="97"/>
      <c r="H50" s="110"/>
    </row>
    <row r="51" spans="1:8" x14ac:dyDescent="0.15">
      <c r="C51" s="84"/>
      <c r="D51" s="86"/>
      <c r="E51" s="87" t="s">
        <v>100</v>
      </c>
      <c r="F51" s="88">
        <v>1</v>
      </c>
      <c r="G51" s="111" t="s">
        <v>269</v>
      </c>
      <c r="H51" s="778" t="s">
        <v>98</v>
      </c>
    </row>
    <row r="52" spans="1:8" ht="14.25" x14ac:dyDescent="0.15">
      <c r="A52" s="18"/>
      <c r="B52" s="18"/>
      <c r="C52" s="35"/>
      <c r="D52" s="25"/>
      <c r="E52" s="34" t="s">
        <v>10</v>
      </c>
      <c r="F52" s="23"/>
      <c r="G52" s="27" t="s">
        <v>21</v>
      </c>
      <c r="H52" s="778"/>
    </row>
    <row r="53" spans="1:8" ht="27" x14ac:dyDescent="0.15">
      <c r="C53" s="84"/>
      <c r="D53" s="86"/>
      <c r="E53" s="100"/>
      <c r="F53" s="88">
        <v>2</v>
      </c>
      <c r="G53" s="111" t="s">
        <v>388</v>
      </c>
      <c r="H53" s="778" t="s">
        <v>98</v>
      </c>
    </row>
    <row r="54" spans="1:8" ht="24" x14ac:dyDescent="0.15">
      <c r="A54" s="18"/>
      <c r="B54" s="18"/>
      <c r="C54" s="35"/>
      <c r="D54" s="25"/>
      <c r="E54" s="31"/>
      <c r="F54" s="23"/>
      <c r="G54" s="27" t="s">
        <v>86</v>
      </c>
      <c r="H54" s="778"/>
    </row>
    <row r="55" spans="1:8" x14ac:dyDescent="0.15">
      <c r="C55" s="84"/>
      <c r="D55" s="86"/>
      <c r="E55" s="92" t="s">
        <v>101</v>
      </c>
      <c r="F55" s="88">
        <v>3</v>
      </c>
      <c r="G55" s="111" t="s">
        <v>389</v>
      </c>
      <c r="H55" s="778" t="s">
        <v>98</v>
      </c>
    </row>
    <row r="56" spans="1:8" ht="14.25" x14ac:dyDescent="0.15">
      <c r="A56" s="18"/>
      <c r="B56" s="18"/>
      <c r="C56" s="35"/>
      <c r="D56" s="25"/>
      <c r="E56" s="32" t="s">
        <v>11</v>
      </c>
      <c r="F56" s="26"/>
      <c r="G56" s="28" t="s">
        <v>89</v>
      </c>
      <c r="H56" s="778"/>
    </row>
    <row r="57" spans="1:8" x14ac:dyDescent="0.15">
      <c r="C57" s="90">
        <v>9</v>
      </c>
      <c r="D57" s="94" t="s">
        <v>390</v>
      </c>
      <c r="E57" s="95"/>
      <c r="F57" s="96"/>
      <c r="G57" s="97"/>
      <c r="H57" s="98"/>
    </row>
    <row r="58" spans="1:8" x14ac:dyDescent="0.15">
      <c r="C58" s="84"/>
      <c r="D58" s="86"/>
      <c r="E58" s="92" t="s">
        <v>101</v>
      </c>
      <c r="F58" s="88">
        <v>1</v>
      </c>
      <c r="G58" s="111" t="s">
        <v>391</v>
      </c>
      <c r="H58" s="778" t="s">
        <v>98</v>
      </c>
    </row>
    <row r="59" spans="1:8" ht="14.25" x14ac:dyDescent="0.15">
      <c r="A59" s="18"/>
      <c r="B59" s="18"/>
      <c r="C59" s="35"/>
      <c r="D59" s="25"/>
      <c r="E59" s="32" t="s">
        <v>11</v>
      </c>
      <c r="F59" s="23"/>
      <c r="G59" s="27" t="s">
        <v>29</v>
      </c>
      <c r="H59" s="778"/>
    </row>
    <row r="60" spans="1:8" x14ac:dyDescent="0.15">
      <c r="C60" s="84"/>
      <c r="D60" s="86"/>
      <c r="E60" s="93"/>
      <c r="F60" s="88">
        <v>2</v>
      </c>
      <c r="G60" s="111" t="s">
        <v>392</v>
      </c>
      <c r="H60" s="778" t="s">
        <v>98</v>
      </c>
    </row>
    <row r="61" spans="1:8" ht="14.25" x14ac:dyDescent="0.15">
      <c r="A61" s="18"/>
      <c r="B61" s="18"/>
      <c r="C61" s="35"/>
      <c r="D61" s="25"/>
      <c r="E61" s="32"/>
      <c r="F61" s="26"/>
      <c r="G61" s="28" t="s">
        <v>22</v>
      </c>
      <c r="H61" s="778"/>
    </row>
    <row r="62" spans="1:8" s="180" customFormat="1" x14ac:dyDescent="0.15">
      <c r="A62" s="128"/>
      <c r="B62" s="174"/>
      <c r="C62" s="175">
        <v>10</v>
      </c>
      <c r="D62" s="176" t="s">
        <v>393</v>
      </c>
      <c r="E62" s="177"/>
      <c r="F62" s="178"/>
      <c r="G62" s="179"/>
      <c r="H62" s="110"/>
    </row>
    <row r="63" spans="1:8" x14ac:dyDescent="0.15">
      <c r="C63" s="84"/>
      <c r="D63" s="86"/>
      <c r="E63" s="87" t="s">
        <v>100</v>
      </c>
      <c r="F63" s="88">
        <v>1</v>
      </c>
      <c r="G63" s="111" t="s">
        <v>270</v>
      </c>
      <c r="H63" s="778" t="s">
        <v>98</v>
      </c>
    </row>
    <row r="64" spans="1:8" ht="14.25" x14ac:dyDescent="0.15">
      <c r="A64" s="18"/>
      <c r="B64" s="18"/>
      <c r="C64" s="35"/>
      <c r="D64" s="25"/>
      <c r="E64" s="31" t="s">
        <v>10</v>
      </c>
      <c r="F64" s="23"/>
      <c r="G64" s="27" t="s">
        <v>23</v>
      </c>
      <c r="H64" s="778"/>
    </row>
    <row r="65" spans="1:8" x14ac:dyDescent="0.15">
      <c r="C65" s="84"/>
      <c r="D65" s="86"/>
      <c r="E65" s="92" t="s">
        <v>101</v>
      </c>
      <c r="F65" s="88">
        <v>2</v>
      </c>
      <c r="G65" s="111" t="s">
        <v>394</v>
      </c>
      <c r="H65" s="778" t="s">
        <v>98</v>
      </c>
    </row>
    <row r="66" spans="1:8" ht="14.25" x14ac:dyDescent="0.15">
      <c r="A66" s="18"/>
      <c r="B66" s="18"/>
      <c r="C66" s="36"/>
      <c r="D66" s="22"/>
      <c r="E66" s="33" t="s">
        <v>11</v>
      </c>
      <c r="F66" s="23"/>
      <c r="G66" s="27" t="s">
        <v>16</v>
      </c>
      <c r="H66" s="778"/>
    </row>
    <row r="67" spans="1:8" x14ac:dyDescent="0.15">
      <c r="C67" s="90">
        <v>11</v>
      </c>
      <c r="D67" s="94" t="s">
        <v>397</v>
      </c>
      <c r="E67" s="95"/>
      <c r="F67" s="96"/>
      <c r="G67" s="97"/>
      <c r="H67" s="110"/>
    </row>
    <row r="68" spans="1:8" x14ac:dyDescent="0.15">
      <c r="C68" s="84"/>
      <c r="D68" s="86"/>
      <c r="E68" s="87" t="s">
        <v>100</v>
      </c>
      <c r="F68" s="88">
        <v>1</v>
      </c>
      <c r="G68" s="111" t="s">
        <v>398</v>
      </c>
      <c r="H68" s="263" t="s">
        <v>1202</v>
      </c>
    </row>
    <row r="69" spans="1:8" x14ac:dyDescent="0.15">
      <c r="C69" s="84"/>
      <c r="D69" s="86"/>
      <c r="E69" s="34" t="s">
        <v>10</v>
      </c>
      <c r="F69" s="88">
        <v>2</v>
      </c>
      <c r="G69" s="111" t="s">
        <v>399</v>
      </c>
      <c r="H69" s="263" t="s">
        <v>98</v>
      </c>
    </row>
    <row r="70" spans="1:8" x14ac:dyDescent="0.15">
      <c r="C70" s="84"/>
      <c r="D70" s="86"/>
      <c r="E70" s="92" t="s">
        <v>101</v>
      </c>
      <c r="F70" s="88">
        <v>3</v>
      </c>
      <c r="G70" s="111" t="s">
        <v>271</v>
      </c>
      <c r="H70" s="778" t="s">
        <v>98</v>
      </c>
    </row>
    <row r="71" spans="1:8" ht="14.25" x14ac:dyDescent="0.15">
      <c r="A71" s="18"/>
      <c r="B71" s="18"/>
      <c r="C71" s="35"/>
      <c r="D71" s="25"/>
      <c r="E71" s="32" t="s">
        <v>11</v>
      </c>
      <c r="F71" s="23"/>
      <c r="G71" s="27" t="s">
        <v>30</v>
      </c>
      <c r="H71" s="778"/>
    </row>
    <row r="72" spans="1:8" x14ac:dyDescent="0.15">
      <c r="C72" s="84"/>
      <c r="D72" s="86"/>
      <c r="E72" s="93"/>
      <c r="F72" s="88">
        <v>4</v>
      </c>
      <c r="G72" s="111" t="s">
        <v>400</v>
      </c>
      <c r="H72" s="101"/>
    </row>
    <row r="73" spans="1:8" x14ac:dyDescent="0.15">
      <c r="C73" s="84"/>
      <c r="D73" s="86"/>
      <c r="E73" s="93"/>
      <c r="F73" s="102"/>
      <c r="G73" s="112" t="s">
        <v>401</v>
      </c>
      <c r="H73" s="263" t="s">
        <v>98</v>
      </c>
    </row>
    <row r="74" spans="1:8" x14ac:dyDescent="0.15">
      <c r="C74" s="84"/>
      <c r="D74" s="86"/>
      <c r="E74" s="93"/>
      <c r="F74" s="102"/>
      <c r="G74" s="112" t="s">
        <v>121</v>
      </c>
      <c r="H74" s="263" t="s">
        <v>1202</v>
      </c>
    </row>
    <row r="75" spans="1:8" x14ac:dyDescent="0.15">
      <c r="C75" s="84"/>
      <c r="D75" s="86"/>
      <c r="E75" s="93"/>
      <c r="F75" s="102"/>
      <c r="G75" s="112" t="s">
        <v>402</v>
      </c>
      <c r="H75" s="263" t="s">
        <v>98</v>
      </c>
    </row>
    <row r="76" spans="1:8" x14ac:dyDescent="0.15">
      <c r="C76" s="84"/>
      <c r="D76" s="86"/>
      <c r="E76" s="93"/>
      <c r="F76" s="102"/>
      <c r="G76" s="112" t="s">
        <v>403</v>
      </c>
      <c r="H76" s="263" t="s">
        <v>98</v>
      </c>
    </row>
    <row r="77" spans="1:8" x14ac:dyDescent="0.15">
      <c r="C77" s="91"/>
      <c r="D77" s="99"/>
      <c r="E77" s="104"/>
      <c r="F77" s="272"/>
      <c r="G77" s="273" t="s">
        <v>404</v>
      </c>
      <c r="H77" s="268" t="s">
        <v>98</v>
      </c>
    </row>
    <row r="78" spans="1:8" ht="14.25" x14ac:dyDescent="0.15">
      <c r="A78" s="18"/>
      <c r="B78" s="18"/>
      <c r="C78" s="30"/>
      <c r="D78" s="19"/>
      <c r="E78" s="30"/>
      <c r="F78" s="20"/>
      <c r="G78" s="21"/>
      <c r="H78" s="37" t="s">
        <v>395</v>
      </c>
    </row>
    <row r="79" spans="1:8" ht="14.25" x14ac:dyDescent="0.15">
      <c r="A79" s="753" t="s">
        <v>114</v>
      </c>
      <c r="B79" s="753"/>
      <c r="C79" s="753"/>
      <c r="D79" s="753"/>
      <c r="E79" s="753"/>
      <c r="F79" s="753"/>
      <c r="G79" s="753"/>
      <c r="H79" s="753"/>
    </row>
    <row r="80" spans="1:8" ht="14.25" x14ac:dyDescent="0.15">
      <c r="A80" s="18"/>
      <c r="B80" s="1" t="s">
        <v>76</v>
      </c>
      <c r="C80" s="30"/>
      <c r="D80" s="19"/>
      <c r="E80" s="30"/>
      <c r="F80" s="20"/>
      <c r="G80" s="21"/>
      <c r="H80" s="113"/>
    </row>
    <row r="81" spans="3:8" ht="26.25" thickBot="1" x14ac:dyDescent="0.2">
      <c r="C81" s="794" t="s">
        <v>396</v>
      </c>
      <c r="D81" s="795"/>
      <c r="E81" s="796"/>
      <c r="F81" s="80" t="s">
        <v>12</v>
      </c>
      <c r="G81" s="109" t="s">
        <v>261</v>
      </c>
      <c r="H81" s="83" t="s">
        <v>99</v>
      </c>
    </row>
    <row r="82" spans="3:8" ht="16.5" thickTop="1" x14ac:dyDescent="0.15">
      <c r="C82" s="90">
        <v>12</v>
      </c>
      <c r="D82" s="94" t="s">
        <v>405</v>
      </c>
      <c r="E82" s="95"/>
      <c r="F82" s="96"/>
      <c r="G82" s="97"/>
      <c r="H82" s="110"/>
    </row>
    <row r="83" spans="3:8" ht="25.5" x14ac:dyDescent="0.15">
      <c r="C83" s="84"/>
      <c r="D83" s="86"/>
      <c r="E83" s="240" t="s">
        <v>406</v>
      </c>
      <c r="F83" s="88">
        <v>1</v>
      </c>
      <c r="G83" s="111" t="s">
        <v>127</v>
      </c>
      <c r="H83" s="263" t="s">
        <v>1202</v>
      </c>
    </row>
    <row r="84" spans="3:8" x14ac:dyDescent="0.15">
      <c r="C84" s="84"/>
      <c r="D84" s="86"/>
      <c r="E84" s="92" t="s">
        <v>101</v>
      </c>
      <c r="F84" s="88">
        <v>2</v>
      </c>
      <c r="G84" s="111" t="s">
        <v>273</v>
      </c>
      <c r="H84" s="114"/>
    </row>
    <row r="85" spans="3:8" x14ac:dyDescent="0.15">
      <c r="C85" s="84"/>
      <c r="D85" s="86"/>
      <c r="E85" s="32" t="s">
        <v>11</v>
      </c>
      <c r="F85" s="102"/>
      <c r="G85" s="112" t="s">
        <v>274</v>
      </c>
      <c r="H85" s="263" t="s">
        <v>98</v>
      </c>
    </row>
    <row r="86" spans="3:8" x14ac:dyDescent="0.15">
      <c r="C86" s="84"/>
      <c r="D86" s="86"/>
      <c r="E86" s="93"/>
      <c r="F86" s="102"/>
      <c r="G86" s="112" t="s">
        <v>407</v>
      </c>
      <c r="H86" s="263" t="s">
        <v>1202</v>
      </c>
    </row>
    <row r="87" spans="3:8" x14ac:dyDescent="0.15">
      <c r="C87" s="84"/>
      <c r="D87" s="86"/>
      <c r="E87" s="93"/>
      <c r="F87" s="102"/>
      <c r="G87" s="112" t="s">
        <v>408</v>
      </c>
      <c r="H87" s="263" t="s">
        <v>98</v>
      </c>
    </row>
    <row r="88" spans="3:8" x14ac:dyDescent="0.15">
      <c r="C88" s="90">
        <v>13</v>
      </c>
      <c r="D88" s="94" t="s">
        <v>275</v>
      </c>
      <c r="E88" s="95"/>
      <c r="F88" s="96"/>
      <c r="G88" s="97"/>
      <c r="H88" s="110"/>
    </row>
    <row r="89" spans="3:8" ht="25.5" x14ac:dyDescent="0.15">
      <c r="C89" s="84"/>
      <c r="D89" s="86"/>
      <c r="E89" s="240" t="s">
        <v>406</v>
      </c>
      <c r="F89" s="88">
        <v>1</v>
      </c>
      <c r="G89" s="111" t="s">
        <v>409</v>
      </c>
      <c r="H89" s="263" t="s">
        <v>98</v>
      </c>
    </row>
    <row r="90" spans="3:8" x14ac:dyDescent="0.15">
      <c r="C90" s="84"/>
      <c r="D90" s="86"/>
      <c r="E90" s="92" t="s">
        <v>101</v>
      </c>
      <c r="F90" s="88">
        <v>2</v>
      </c>
      <c r="G90" s="111" t="s">
        <v>410</v>
      </c>
      <c r="H90" s="114"/>
    </row>
    <row r="91" spans="3:8" x14ac:dyDescent="0.15">
      <c r="C91" s="84"/>
      <c r="D91" s="86"/>
      <c r="E91" s="32" t="s">
        <v>11</v>
      </c>
      <c r="F91" s="102"/>
      <c r="G91" s="112" t="s">
        <v>411</v>
      </c>
      <c r="H91" s="263" t="s">
        <v>98</v>
      </c>
    </row>
    <row r="92" spans="3:8" x14ac:dyDescent="0.15">
      <c r="C92" s="84"/>
      <c r="D92" s="86"/>
      <c r="E92" s="93"/>
      <c r="F92" s="102"/>
      <c r="G92" s="112" t="s">
        <v>407</v>
      </c>
      <c r="H92" s="263" t="s">
        <v>98</v>
      </c>
    </row>
    <row r="93" spans="3:8" x14ac:dyDescent="0.15">
      <c r="C93" s="84"/>
      <c r="D93" s="86"/>
      <c r="E93" s="93"/>
      <c r="F93" s="102"/>
      <c r="G93" s="112" t="s">
        <v>408</v>
      </c>
      <c r="H93" s="263" t="s">
        <v>98</v>
      </c>
    </row>
    <row r="94" spans="3:8" x14ac:dyDescent="0.15">
      <c r="C94" s="84"/>
      <c r="D94" s="86"/>
      <c r="E94" s="93"/>
      <c r="F94" s="102"/>
      <c r="G94" s="112" t="s">
        <v>412</v>
      </c>
      <c r="H94" s="263" t="s">
        <v>98</v>
      </c>
    </row>
    <row r="95" spans="3:8" x14ac:dyDescent="0.15">
      <c r="C95" s="90">
        <v>14</v>
      </c>
      <c r="D95" s="94" t="s">
        <v>413</v>
      </c>
      <c r="E95" s="95"/>
      <c r="F95" s="96"/>
      <c r="G95" s="97"/>
      <c r="H95" s="110"/>
    </row>
    <row r="96" spans="3:8" x14ac:dyDescent="0.15">
      <c r="C96" s="84"/>
      <c r="D96" s="86"/>
      <c r="E96" s="87" t="s">
        <v>100</v>
      </c>
      <c r="F96" s="88">
        <v>1</v>
      </c>
      <c r="G96" s="111" t="s">
        <v>276</v>
      </c>
      <c r="H96" s="778" t="s">
        <v>98</v>
      </c>
    </row>
    <row r="97" spans="1:8" ht="14.25" x14ac:dyDescent="0.15">
      <c r="A97" s="18"/>
      <c r="B97" s="18"/>
      <c r="C97" s="35"/>
      <c r="D97" s="25"/>
      <c r="E97" s="31" t="s">
        <v>10</v>
      </c>
      <c r="F97" s="23"/>
      <c r="G97" s="27" t="s">
        <v>90</v>
      </c>
      <c r="H97" s="778"/>
    </row>
    <row r="98" spans="1:8" ht="25.5" x14ac:dyDescent="0.15">
      <c r="C98" s="84"/>
      <c r="D98" s="86"/>
      <c r="E98" s="124" t="s">
        <v>414</v>
      </c>
      <c r="F98" s="88">
        <v>2</v>
      </c>
      <c r="G98" s="111" t="s">
        <v>415</v>
      </c>
      <c r="H98" s="263" t="s">
        <v>98</v>
      </c>
    </row>
    <row r="99" spans="1:8" x14ac:dyDescent="0.15">
      <c r="C99" s="175">
        <v>15</v>
      </c>
      <c r="D99" s="176" t="s">
        <v>1364</v>
      </c>
      <c r="E99" s="177"/>
      <c r="F99" s="221"/>
      <c r="G99" s="222"/>
      <c r="H99" s="110"/>
    </row>
    <row r="100" spans="1:8" ht="25.5" x14ac:dyDescent="0.15">
      <c r="C100" s="84"/>
      <c r="D100" s="86"/>
      <c r="E100" s="240" t="s">
        <v>272</v>
      </c>
      <c r="F100" s="191">
        <v>1</v>
      </c>
      <c r="G100" s="192" t="s">
        <v>277</v>
      </c>
      <c r="H100" s="263" t="s">
        <v>98</v>
      </c>
    </row>
    <row r="101" spans="1:8" x14ac:dyDescent="0.15">
      <c r="C101" s="84"/>
      <c r="D101" s="86"/>
      <c r="E101" s="92" t="s">
        <v>101</v>
      </c>
      <c r="F101" s="191">
        <v>2</v>
      </c>
      <c r="G101" s="192" t="s">
        <v>416</v>
      </c>
      <c r="H101" s="778" t="s">
        <v>98</v>
      </c>
    </row>
    <row r="102" spans="1:8" ht="14.25" x14ac:dyDescent="0.15">
      <c r="A102" s="18"/>
      <c r="B102" s="18"/>
      <c r="C102" s="35"/>
      <c r="D102" s="25"/>
      <c r="E102" s="32" t="s">
        <v>11</v>
      </c>
      <c r="F102" s="189"/>
      <c r="G102" s="193" t="s">
        <v>229</v>
      </c>
      <c r="H102" s="778"/>
    </row>
    <row r="103" spans="1:8" x14ac:dyDescent="0.15">
      <c r="C103" s="84"/>
      <c r="D103" s="86"/>
      <c r="E103" s="93"/>
      <c r="F103" s="191">
        <v>3</v>
      </c>
      <c r="G103" s="192" t="s">
        <v>417</v>
      </c>
      <c r="H103" s="778" t="s">
        <v>98</v>
      </c>
    </row>
    <row r="104" spans="1:8" ht="14.25" x14ac:dyDescent="0.15">
      <c r="A104" s="18"/>
      <c r="B104" s="18"/>
      <c r="C104" s="35"/>
      <c r="D104" s="25"/>
      <c r="E104" s="32"/>
      <c r="F104" s="189"/>
      <c r="G104" s="193" t="s">
        <v>27</v>
      </c>
      <c r="H104" s="778"/>
    </row>
    <row r="105" spans="1:8" ht="14.25" x14ac:dyDescent="0.15">
      <c r="A105" s="18"/>
      <c r="B105" s="18"/>
      <c r="C105" s="35"/>
      <c r="D105" s="25"/>
      <c r="E105" s="32"/>
      <c r="F105" s="191">
        <v>4</v>
      </c>
      <c r="G105" s="214" t="s">
        <v>369</v>
      </c>
      <c r="H105" s="790" t="s">
        <v>98</v>
      </c>
    </row>
    <row r="106" spans="1:8" ht="22.5" customHeight="1" x14ac:dyDescent="0.15">
      <c r="A106" s="18"/>
      <c r="B106" s="18"/>
      <c r="C106" s="35"/>
      <c r="D106" s="25"/>
      <c r="E106" s="32"/>
      <c r="F106" s="202"/>
      <c r="G106" s="215" t="s">
        <v>508</v>
      </c>
      <c r="H106" s="793"/>
    </row>
    <row r="107" spans="1:8" ht="14.25" x14ac:dyDescent="0.15">
      <c r="A107" s="18"/>
      <c r="B107" s="18"/>
      <c r="C107" s="35"/>
      <c r="D107" s="25"/>
      <c r="E107" s="32"/>
      <c r="F107" s="202"/>
      <c r="G107" s="184" t="s">
        <v>240</v>
      </c>
      <c r="H107" s="793"/>
    </row>
    <row r="108" spans="1:8" ht="14.25" x14ac:dyDescent="0.15">
      <c r="A108" s="18"/>
      <c r="B108" s="18"/>
      <c r="C108" s="35"/>
      <c r="D108" s="25"/>
      <c r="E108" s="32"/>
      <c r="F108" s="202"/>
      <c r="G108" s="190" t="s">
        <v>122</v>
      </c>
      <c r="H108" s="791"/>
    </row>
    <row r="109" spans="1:8" x14ac:dyDescent="0.15">
      <c r="C109" s="90">
        <v>16</v>
      </c>
      <c r="D109" s="94" t="s">
        <v>418</v>
      </c>
      <c r="E109" s="95"/>
      <c r="F109" s="96"/>
      <c r="G109" s="97"/>
      <c r="H109" s="110"/>
    </row>
    <row r="110" spans="1:8" ht="25.5" x14ac:dyDescent="0.15">
      <c r="C110" s="84"/>
      <c r="D110" s="86"/>
      <c r="E110" s="240" t="s">
        <v>272</v>
      </c>
      <c r="F110" s="88">
        <v>1</v>
      </c>
      <c r="G110" s="111" t="s">
        <v>409</v>
      </c>
      <c r="H110" s="263" t="s">
        <v>98</v>
      </c>
    </row>
    <row r="111" spans="1:8" x14ac:dyDescent="0.15">
      <c r="C111" s="84"/>
      <c r="D111" s="86"/>
      <c r="E111" s="92" t="s">
        <v>101</v>
      </c>
      <c r="F111" s="88">
        <v>2</v>
      </c>
      <c r="G111" s="635" t="s">
        <v>1181</v>
      </c>
      <c r="H111" s="790" t="s">
        <v>98</v>
      </c>
    </row>
    <row r="112" spans="1:8" ht="14.25" x14ac:dyDescent="0.15">
      <c r="A112" s="18"/>
      <c r="B112" s="18"/>
      <c r="C112" s="35"/>
      <c r="D112" s="25"/>
      <c r="E112" s="32" t="s">
        <v>11</v>
      </c>
      <c r="F112" s="26"/>
      <c r="G112" s="27" t="s">
        <v>1182</v>
      </c>
      <c r="H112" s="793"/>
    </row>
    <row r="113" spans="1:8" s="180" customFormat="1" x14ac:dyDescent="0.15">
      <c r="A113" s="128"/>
      <c r="B113" s="174"/>
      <c r="C113" s="181"/>
      <c r="D113" s="182"/>
      <c r="E113" s="265"/>
      <c r="F113" s="183"/>
      <c r="G113" s="184" t="s">
        <v>419</v>
      </c>
      <c r="H113" s="793"/>
    </row>
    <row r="114" spans="1:8" s="180" customFormat="1" ht="14.25" x14ac:dyDescent="0.15">
      <c r="A114" s="185"/>
      <c r="B114" s="185"/>
      <c r="C114" s="186"/>
      <c r="D114" s="187"/>
      <c r="E114" s="188"/>
      <c r="F114" s="189"/>
      <c r="G114" s="190" t="s">
        <v>122</v>
      </c>
      <c r="H114" s="791"/>
    </row>
    <row r="115" spans="1:8" s="180" customFormat="1" x14ac:dyDescent="0.15">
      <c r="A115" s="128"/>
      <c r="B115" s="174"/>
      <c r="C115" s="175">
        <v>17</v>
      </c>
      <c r="D115" s="176" t="s">
        <v>420</v>
      </c>
      <c r="E115" s="177"/>
      <c r="F115" s="178"/>
      <c r="G115" s="179"/>
      <c r="H115" s="110"/>
    </row>
    <row r="116" spans="1:8" s="180" customFormat="1" x14ac:dyDescent="0.15">
      <c r="A116" s="128"/>
      <c r="B116" s="174"/>
      <c r="C116" s="181"/>
      <c r="D116" s="182"/>
      <c r="E116" s="87" t="s">
        <v>100</v>
      </c>
      <c r="F116" s="191">
        <v>1</v>
      </c>
      <c r="G116" s="192" t="s">
        <v>342</v>
      </c>
      <c r="H116" s="778" t="s">
        <v>1202</v>
      </c>
    </row>
    <row r="117" spans="1:8" s="180" customFormat="1" ht="14.25" x14ac:dyDescent="0.15">
      <c r="A117" s="185"/>
      <c r="B117" s="185"/>
      <c r="C117" s="186"/>
      <c r="D117" s="187"/>
      <c r="E117" s="34" t="s">
        <v>10</v>
      </c>
      <c r="F117" s="189"/>
      <c r="G117" s="193" t="s">
        <v>31</v>
      </c>
      <c r="H117" s="778"/>
    </row>
    <row r="118" spans="1:8" ht="14.25" x14ac:dyDescent="0.15">
      <c r="A118" s="18"/>
      <c r="B118" s="18"/>
      <c r="C118" s="35"/>
      <c r="D118" s="25"/>
      <c r="E118" s="259"/>
      <c r="F118" s="191">
        <v>2</v>
      </c>
      <c r="G118" s="192" t="s">
        <v>421</v>
      </c>
      <c r="H118" s="263"/>
    </row>
    <row r="119" spans="1:8" x14ac:dyDescent="0.15">
      <c r="C119" s="84"/>
      <c r="D119" s="86"/>
      <c r="E119" s="264" t="s">
        <v>217</v>
      </c>
      <c r="F119" s="191">
        <v>3</v>
      </c>
      <c r="G119" s="192" t="s">
        <v>422</v>
      </c>
      <c r="H119" s="778"/>
    </row>
    <row r="120" spans="1:8" ht="14.25" x14ac:dyDescent="0.15">
      <c r="A120" s="18"/>
      <c r="B120" s="18"/>
      <c r="C120" s="35"/>
      <c r="D120" s="25"/>
      <c r="E120" s="188" t="s">
        <v>11</v>
      </c>
      <c r="F120" s="189"/>
      <c r="G120" s="193" t="s">
        <v>345</v>
      </c>
      <c r="H120" s="778"/>
    </row>
    <row r="121" spans="1:8" x14ac:dyDescent="0.15">
      <c r="C121" s="84"/>
      <c r="D121" s="86"/>
      <c r="E121" s="260"/>
      <c r="F121" s="191">
        <v>4</v>
      </c>
      <c r="G121" s="192" t="s">
        <v>423</v>
      </c>
      <c r="H121" s="778" t="s">
        <v>1202</v>
      </c>
    </row>
    <row r="122" spans="1:8" ht="27.75" customHeight="1" x14ac:dyDescent="0.15">
      <c r="A122" s="18"/>
      <c r="B122" s="18"/>
      <c r="C122" s="35"/>
      <c r="D122" s="25"/>
      <c r="E122" s="260"/>
      <c r="F122" s="189"/>
      <c r="G122" s="193" t="s">
        <v>346</v>
      </c>
      <c r="H122" s="778"/>
    </row>
    <row r="123" spans="1:8" ht="40.5" x14ac:dyDescent="0.15">
      <c r="C123" s="84"/>
      <c r="D123" s="86"/>
      <c r="E123" s="261"/>
      <c r="F123" s="191">
        <v>5</v>
      </c>
      <c r="G123" s="192" t="s">
        <v>424</v>
      </c>
      <c r="H123" s="778"/>
    </row>
    <row r="124" spans="1:8" ht="41.25" customHeight="1" x14ac:dyDescent="0.15">
      <c r="A124" s="18"/>
      <c r="B124" s="18"/>
      <c r="C124" s="35"/>
      <c r="D124" s="25"/>
      <c r="E124" s="260"/>
      <c r="F124" s="189"/>
      <c r="G124" s="193" t="s">
        <v>347</v>
      </c>
      <c r="H124" s="778"/>
    </row>
    <row r="125" spans="1:8" x14ac:dyDescent="0.15">
      <c r="C125" s="84"/>
      <c r="D125" s="86"/>
      <c r="E125" s="261"/>
      <c r="F125" s="191">
        <v>6</v>
      </c>
      <c r="G125" s="192" t="s">
        <v>425</v>
      </c>
      <c r="H125" s="778"/>
    </row>
    <row r="126" spans="1:8" ht="14.25" x14ac:dyDescent="0.15">
      <c r="A126" s="18"/>
      <c r="B126" s="18"/>
      <c r="C126" s="35"/>
      <c r="D126" s="25"/>
      <c r="E126" s="260"/>
      <c r="F126" s="189"/>
      <c r="G126" s="193" t="s">
        <v>348</v>
      </c>
      <c r="H126" s="778"/>
    </row>
    <row r="127" spans="1:8" s="180" customFormat="1" x14ac:dyDescent="0.15">
      <c r="A127" s="128"/>
      <c r="B127" s="174"/>
      <c r="C127" s="175">
        <v>18</v>
      </c>
      <c r="D127" s="176" t="s">
        <v>278</v>
      </c>
      <c r="E127" s="177"/>
      <c r="F127" s="178"/>
      <c r="G127" s="179"/>
      <c r="H127" s="110"/>
    </row>
    <row r="128" spans="1:8" s="180" customFormat="1" x14ac:dyDescent="0.15">
      <c r="A128" s="128"/>
      <c r="B128" s="174"/>
      <c r="C128" s="181"/>
      <c r="D128" s="182"/>
      <c r="E128" s="87" t="s">
        <v>100</v>
      </c>
      <c r="F128" s="191">
        <v>1</v>
      </c>
      <c r="G128" s="192" t="s">
        <v>426</v>
      </c>
      <c r="H128" s="778" t="s">
        <v>1202</v>
      </c>
    </row>
    <row r="129" spans="1:8" s="180" customFormat="1" ht="14.25" x14ac:dyDescent="0.15">
      <c r="A129" s="185"/>
      <c r="B129" s="185"/>
      <c r="C129" s="186"/>
      <c r="D129" s="187"/>
      <c r="E129" s="34" t="s">
        <v>10</v>
      </c>
      <c r="F129" s="189"/>
      <c r="G129" s="193" t="s">
        <v>31</v>
      </c>
      <c r="H129" s="778"/>
    </row>
    <row r="130" spans="1:8" s="180" customFormat="1" ht="25.5" x14ac:dyDescent="0.15">
      <c r="A130" s="128"/>
      <c r="B130" s="174"/>
      <c r="C130" s="181"/>
      <c r="D130" s="182"/>
      <c r="E130" s="262" t="s">
        <v>427</v>
      </c>
      <c r="F130" s="88">
        <v>2</v>
      </c>
      <c r="G130" s="192" t="s">
        <v>428</v>
      </c>
      <c r="H130" s="263"/>
    </row>
    <row r="131" spans="1:8" s="180" customFormat="1" x14ac:dyDescent="0.15">
      <c r="A131" s="128"/>
      <c r="B131" s="174"/>
      <c r="C131" s="175">
        <v>19</v>
      </c>
      <c r="D131" s="176" t="s">
        <v>429</v>
      </c>
      <c r="E131" s="177"/>
      <c r="F131" s="178"/>
      <c r="G131" s="179"/>
      <c r="H131" s="110"/>
    </row>
    <row r="132" spans="1:8" s="180" customFormat="1" x14ac:dyDescent="0.15">
      <c r="A132" s="128"/>
      <c r="B132" s="174"/>
      <c r="C132" s="181"/>
      <c r="D132" s="182"/>
      <c r="E132" s="87" t="s">
        <v>100</v>
      </c>
      <c r="F132" s="191">
        <v>1</v>
      </c>
      <c r="G132" s="192" t="s">
        <v>426</v>
      </c>
      <c r="H132" s="778" t="s">
        <v>1202</v>
      </c>
    </row>
    <row r="133" spans="1:8" s="180" customFormat="1" ht="14.25" x14ac:dyDescent="0.15">
      <c r="A133" s="185"/>
      <c r="B133" s="185"/>
      <c r="C133" s="186"/>
      <c r="D133" s="187"/>
      <c r="E133" s="34" t="s">
        <v>10</v>
      </c>
      <c r="F133" s="189"/>
      <c r="G133" s="193" t="s">
        <v>31</v>
      </c>
      <c r="H133" s="778"/>
    </row>
    <row r="134" spans="1:8" ht="14.25" x14ac:dyDescent="0.15">
      <c r="A134" s="18"/>
      <c r="B134" s="18"/>
      <c r="C134" s="35"/>
      <c r="D134" s="25"/>
      <c r="E134" s="259"/>
      <c r="F134" s="191">
        <v>2</v>
      </c>
      <c r="G134" s="192" t="s">
        <v>421</v>
      </c>
      <c r="H134" s="263"/>
    </row>
    <row r="135" spans="1:8" x14ac:dyDescent="0.15">
      <c r="C135" s="84"/>
      <c r="D135" s="86"/>
      <c r="E135" s="264" t="s">
        <v>217</v>
      </c>
      <c r="F135" s="191">
        <v>3</v>
      </c>
      <c r="G135" s="192" t="s">
        <v>422</v>
      </c>
      <c r="H135" s="778"/>
    </row>
    <row r="136" spans="1:8" ht="14.25" x14ac:dyDescent="0.15">
      <c r="A136" s="18"/>
      <c r="B136" s="18"/>
      <c r="C136" s="35"/>
      <c r="D136" s="25"/>
      <c r="E136" s="188" t="s">
        <v>11</v>
      </c>
      <c r="F136" s="189"/>
      <c r="G136" s="193" t="s">
        <v>345</v>
      </c>
      <c r="H136" s="778"/>
    </row>
    <row r="137" spans="1:8" x14ac:dyDescent="0.15">
      <c r="C137" s="84"/>
      <c r="D137" s="86"/>
      <c r="E137" s="260"/>
      <c r="F137" s="191">
        <v>4</v>
      </c>
      <c r="G137" s="192" t="s">
        <v>423</v>
      </c>
      <c r="H137" s="778" t="s">
        <v>1202</v>
      </c>
    </row>
    <row r="138" spans="1:8" ht="27.75" customHeight="1" x14ac:dyDescent="0.15">
      <c r="A138" s="18"/>
      <c r="B138" s="18"/>
      <c r="C138" s="35"/>
      <c r="D138" s="25"/>
      <c r="E138" s="260"/>
      <c r="F138" s="189"/>
      <c r="G138" s="193" t="s">
        <v>1240</v>
      </c>
      <c r="H138" s="778"/>
    </row>
    <row r="139" spans="1:8" ht="40.5" x14ac:dyDescent="0.15">
      <c r="C139" s="84"/>
      <c r="D139" s="86"/>
      <c r="E139" s="261"/>
      <c r="F139" s="191">
        <v>5</v>
      </c>
      <c r="G139" s="192" t="s">
        <v>424</v>
      </c>
      <c r="H139" s="778"/>
    </row>
    <row r="140" spans="1:8" ht="41.25" customHeight="1" x14ac:dyDescent="0.15">
      <c r="A140" s="18"/>
      <c r="B140" s="18"/>
      <c r="C140" s="35"/>
      <c r="D140" s="25"/>
      <c r="E140" s="260"/>
      <c r="F140" s="189"/>
      <c r="G140" s="193" t="s">
        <v>347</v>
      </c>
      <c r="H140" s="778"/>
    </row>
    <row r="141" spans="1:8" x14ac:dyDescent="0.15">
      <c r="C141" s="84"/>
      <c r="D141" s="86"/>
      <c r="E141" s="261"/>
      <c r="F141" s="191">
        <v>6</v>
      </c>
      <c r="G141" s="192" t="s">
        <v>425</v>
      </c>
      <c r="H141" s="778"/>
    </row>
    <row r="142" spans="1:8" ht="14.25" x14ac:dyDescent="0.15">
      <c r="A142" s="18"/>
      <c r="B142" s="18"/>
      <c r="C142" s="35"/>
      <c r="D142" s="25"/>
      <c r="E142" s="260"/>
      <c r="F142" s="202"/>
      <c r="G142" s="648" t="s">
        <v>348</v>
      </c>
      <c r="H142" s="778"/>
    </row>
    <row r="143" spans="1:8" ht="14.25" x14ac:dyDescent="0.15">
      <c r="A143" s="18"/>
      <c r="B143" s="18"/>
      <c r="C143" s="655"/>
      <c r="D143" s="656"/>
      <c r="E143" s="657"/>
      <c r="F143" s="658"/>
      <c r="G143" s="659"/>
      <c r="H143" s="37" t="s">
        <v>194</v>
      </c>
    </row>
    <row r="144" spans="1:8" ht="14.25" x14ac:dyDescent="0.15">
      <c r="A144" s="18"/>
      <c r="B144" s="18"/>
      <c r="C144" s="30"/>
      <c r="D144" s="19"/>
      <c r="E144" s="647"/>
      <c r="F144" s="229"/>
      <c r="G144" s="230"/>
      <c r="H144" s="660"/>
    </row>
    <row r="145" spans="1:8" ht="14.25" x14ac:dyDescent="0.15">
      <c r="A145" s="18"/>
      <c r="B145" s="18"/>
      <c r="C145" s="30"/>
      <c r="D145" s="19"/>
      <c r="E145" s="647"/>
      <c r="F145" s="229"/>
      <c r="G145" s="230"/>
      <c r="H145" s="660"/>
    </row>
    <row r="146" spans="1:8" ht="14.25" x14ac:dyDescent="0.15">
      <c r="A146" s="18"/>
      <c r="B146" s="18"/>
      <c r="C146" s="30"/>
      <c r="D146" s="19"/>
      <c r="E146" s="647"/>
      <c r="F146" s="229"/>
      <c r="G146" s="230"/>
      <c r="H146" s="660"/>
    </row>
    <row r="147" spans="1:8" ht="14.25" x14ac:dyDescent="0.15">
      <c r="A147" s="18"/>
      <c r="B147" s="18"/>
      <c r="C147" s="30"/>
      <c r="D147" s="19"/>
      <c r="E147" s="647"/>
      <c r="F147" s="229"/>
      <c r="G147" s="230"/>
      <c r="H147" s="660"/>
    </row>
    <row r="148" spans="1:8" ht="14.25" x14ac:dyDescent="0.15">
      <c r="A148" s="18"/>
      <c r="B148" s="18"/>
      <c r="C148" s="30"/>
      <c r="D148" s="19"/>
      <c r="E148" s="647"/>
      <c r="F148" s="229"/>
      <c r="G148" s="230"/>
      <c r="H148" s="660"/>
    </row>
    <row r="149" spans="1:8" ht="14.25" x14ac:dyDescent="0.15">
      <c r="A149" s="18"/>
      <c r="B149" s="18"/>
      <c r="C149" s="30"/>
      <c r="D149" s="19"/>
      <c r="E149" s="647"/>
      <c r="F149" s="229"/>
      <c r="G149" s="230"/>
      <c r="H149" s="660"/>
    </row>
    <row r="150" spans="1:8" ht="14.25" x14ac:dyDescent="0.15">
      <c r="A150" s="753" t="s">
        <v>115</v>
      </c>
      <c r="B150" s="753"/>
      <c r="C150" s="753"/>
      <c r="D150" s="753"/>
      <c r="E150" s="753"/>
      <c r="F150" s="753"/>
      <c r="G150" s="753"/>
      <c r="H150" s="753"/>
    </row>
    <row r="151" spans="1:8" ht="14.25" x14ac:dyDescent="0.15">
      <c r="A151" s="18"/>
      <c r="B151" s="1" t="s">
        <v>76</v>
      </c>
      <c r="C151" s="649"/>
      <c r="D151" s="650"/>
      <c r="E151" s="651"/>
      <c r="F151" s="652"/>
      <c r="G151" s="653"/>
      <c r="H151" s="654"/>
    </row>
    <row r="152" spans="1:8" x14ac:dyDescent="0.15">
      <c r="C152" s="90">
        <v>20</v>
      </c>
      <c r="D152" s="94" t="s">
        <v>280</v>
      </c>
      <c r="E152" s="95"/>
      <c r="F152" s="96"/>
      <c r="G152" s="97"/>
      <c r="H152" s="110"/>
    </row>
    <row r="153" spans="1:8" ht="39.75" x14ac:dyDescent="0.15">
      <c r="C153" s="84"/>
      <c r="D153" s="86"/>
      <c r="E153" s="240" t="s">
        <v>406</v>
      </c>
      <c r="F153" s="88">
        <v>1</v>
      </c>
      <c r="G153" s="111" t="s">
        <v>281</v>
      </c>
      <c r="H153" s="263" t="s">
        <v>1202</v>
      </c>
    </row>
    <row r="154" spans="1:8" ht="25.5" x14ac:dyDescent="0.15">
      <c r="C154" s="84"/>
      <c r="D154" s="86"/>
      <c r="E154" s="124" t="s">
        <v>414</v>
      </c>
      <c r="F154" s="88">
        <v>2</v>
      </c>
      <c r="G154" s="111" t="s">
        <v>415</v>
      </c>
      <c r="H154" s="263" t="s">
        <v>98</v>
      </c>
    </row>
    <row r="155" spans="1:8" s="180" customFormat="1" ht="14.25" x14ac:dyDescent="0.15">
      <c r="A155" s="185"/>
      <c r="B155" s="185"/>
      <c r="C155" s="220">
        <v>21</v>
      </c>
      <c r="D155" s="241" t="s">
        <v>282</v>
      </c>
      <c r="E155" s="194"/>
      <c r="F155" s="178"/>
      <c r="G155" s="195"/>
      <c r="H155" s="110"/>
    </row>
    <row r="156" spans="1:8" s="180" customFormat="1" ht="25.5" x14ac:dyDescent="0.15">
      <c r="A156" s="185"/>
      <c r="B156" s="185"/>
      <c r="C156" s="196"/>
      <c r="D156" s="197"/>
      <c r="E156" s="240" t="s">
        <v>406</v>
      </c>
      <c r="F156" s="191">
        <v>1</v>
      </c>
      <c r="G156" s="198" t="s">
        <v>216</v>
      </c>
      <c r="H156" s="263" t="s">
        <v>1202</v>
      </c>
    </row>
    <row r="157" spans="1:8" s="180" customFormat="1" ht="14.25" x14ac:dyDescent="0.15">
      <c r="A157" s="185"/>
      <c r="B157" s="185"/>
      <c r="C157" s="196"/>
      <c r="D157" s="197"/>
      <c r="E157" s="664" t="s">
        <v>1227</v>
      </c>
      <c r="F157" s="191">
        <v>2</v>
      </c>
      <c r="G157" s="198" t="s">
        <v>279</v>
      </c>
      <c r="H157" s="263" t="s">
        <v>98</v>
      </c>
    </row>
    <row r="158" spans="1:8" s="180" customFormat="1" ht="14.25" x14ac:dyDescent="0.15">
      <c r="A158" s="185"/>
      <c r="B158" s="185"/>
      <c r="C158" s="196"/>
      <c r="D158" s="197"/>
      <c r="E158" s="188" t="s">
        <v>1228</v>
      </c>
      <c r="F158" s="191">
        <v>3</v>
      </c>
      <c r="G158" s="198" t="s">
        <v>1183</v>
      </c>
      <c r="H158" s="790" t="s">
        <v>1202</v>
      </c>
    </row>
    <row r="159" spans="1:8" s="180" customFormat="1" ht="24" x14ac:dyDescent="0.15">
      <c r="A159" s="185"/>
      <c r="B159" s="185"/>
      <c r="C159" s="199"/>
      <c r="D159" s="200"/>
      <c r="E159" s="201"/>
      <c r="F159" s="202"/>
      <c r="G159" s="203" t="s">
        <v>1184</v>
      </c>
      <c r="H159" s="793"/>
    </row>
    <row r="160" spans="1:8" s="180" customFormat="1" ht="14.25" x14ac:dyDescent="0.15">
      <c r="A160" s="185"/>
      <c r="B160" s="185"/>
      <c r="C160" s="196"/>
      <c r="D160" s="197"/>
      <c r="E160" s="204"/>
      <c r="F160" s="183"/>
      <c r="G160" s="205" t="s">
        <v>218</v>
      </c>
      <c r="H160" s="793"/>
    </row>
    <row r="161" spans="1:8" s="180" customFormat="1" ht="14.25" x14ac:dyDescent="0.15">
      <c r="A161" s="185"/>
      <c r="B161" s="185"/>
      <c r="C161" s="206"/>
      <c r="D161" s="207"/>
      <c r="E161" s="208"/>
      <c r="F161" s="189"/>
      <c r="G161" s="209" t="s">
        <v>122</v>
      </c>
      <c r="H161" s="791"/>
    </row>
    <row r="162" spans="1:8" s="180" customFormat="1" ht="15" x14ac:dyDescent="0.15">
      <c r="A162" s="174"/>
      <c r="B162" s="174"/>
      <c r="C162" s="220">
        <v>22</v>
      </c>
      <c r="D162" s="232" t="s">
        <v>1225</v>
      </c>
      <c r="E162" s="662"/>
      <c r="F162" s="211"/>
      <c r="G162" s="661"/>
      <c r="H162" s="487"/>
    </row>
    <row r="163" spans="1:8" s="180" customFormat="1" ht="25.5" x14ac:dyDescent="0.15">
      <c r="A163" s="185"/>
      <c r="B163" s="185"/>
      <c r="C163" s="196"/>
      <c r="D163" s="197"/>
      <c r="E163" s="485" t="s">
        <v>272</v>
      </c>
      <c r="F163" s="470">
        <v>1</v>
      </c>
      <c r="G163" s="663" t="s">
        <v>1226</v>
      </c>
      <c r="H163" s="641" t="s">
        <v>1202</v>
      </c>
    </row>
    <row r="164" spans="1:8" s="180" customFormat="1" ht="15" x14ac:dyDescent="0.15">
      <c r="A164" s="174"/>
      <c r="B164" s="174"/>
      <c r="C164" s="196"/>
      <c r="D164" s="232"/>
      <c r="E164" s="668" t="s">
        <v>1227</v>
      </c>
      <c r="F164" s="644">
        <v>2</v>
      </c>
      <c r="G164" s="665" t="s">
        <v>1229</v>
      </c>
      <c r="H164" s="642"/>
    </row>
    <row r="165" spans="1:8" s="180" customFormat="1" ht="24" x14ac:dyDescent="0.15">
      <c r="A165" s="174"/>
      <c r="B165" s="174"/>
      <c r="C165" s="196"/>
      <c r="D165" s="232"/>
      <c r="E165" s="199" t="s">
        <v>1228</v>
      </c>
      <c r="F165" s="218"/>
      <c r="G165" s="666" t="s">
        <v>1366</v>
      </c>
      <c r="H165" s="643"/>
    </row>
    <row r="166" spans="1:8" s="180" customFormat="1" ht="15" x14ac:dyDescent="0.15">
      <c r="A166" s="174"/>
      <c r="B166" s="174"/>
      <c r="C166" s="196"/>
      <c r="D166" s="232"/>
      <c r="E166" s="196"/>
      <c r="F166" s="470">
        <v>3</v>
      </c>
      <c r="G166" s="667" t="s">
        <v>1230</v>
      </c>
      <c r="H166" s="641"/>
    </row>
    <row r="167" spans="1:8" s="180" customFormat="1" ht="27" x14ac:dyDescent="0.15">
      <c r="A167" s="174"/>
      <c r="B167" s="174"/>
      <c r="C167" s="196"/>
      <c r="D167" s="232"/>
      <c r="E167" s="196"/>
      <c r="F167" s="644">
        <v>4</v>
      </c>
      <c r="G167" s="665" t="s">
        <v>1231</v>
      </c>
      <c r="H167" s="642"/>
    </row>
    <row r="168" spans="1:8" s="180" customFormat="1" ht="24" x14ac:dyDescent="0.15">
      <c r="A168" s="174"/>
      <c r="B168" s="174"/>
      <c r="C168" s="196"/>
      <c r="D168" s="232"/>
      <c r="E168" s="196"/>
      <c r="F168" s="218"/>
      <c r="G168" s="666" t="s">
        <v>1232</v>
      </c>
      <c r="H168" s="643"/>
    </row>
    <row r="169" spans="1:8" s="180" customFormat="1" ht="15" x14ac:dyDescent="0.15">
      <c r="A169" s="174"/>
      <c r="B169" s="174"/>
      <c r="C169" s="196"/>
      <c r="D169" s="232"/>
      <c r="E169" s="196"/>
      <c r="F169" s="644">
        <v>5</v>
      </c>
      <c r="G169" s="670" t="s">
        <v>1233</v>
      </c>
      <c r="H169" s="642"/>
    </row>
    <row r="170" spans="1:8" s="180" customFormat="1" ht="15" x14ac:dyDescent="0.15">
      <c r="A170" s="174"/>
      <c r="B170" s="174"/>
      <c r="C170" s="196"/>
      <c r="D170" s="232"/>
      <c r="E170" s="196"/>
      <c r="F170" s="183"/>
      <c r="G170" s="666" t="s">
        <v>1234</v>
      </c>
      <c r="H170" s="643"/>
    </row>
    <row r="171" spans="1:8" s="180" customFormat="1" ht="15" x14ac:dyDescent="0.15">
      <c r="A171" s="174"/>
      <c r="B171" s="174"/>
      <c r="C171" s="196"/>
      <c r="D171" s="197"/>
      <c r="E171" s="204"/>
      <c r="F171" s="211"/>
      <c r="G171" s="665" t="s">
        <v>1241</v>
      </c>
      <c r="H171" s="642"/>
    </row>
    <row r="172" spans="1:8" s="180" customFormat="1" ht="15" x14ac:dyDescent="0.15">
      <c r="A172" s="174"/>
      <c r="B172" s="174"/>
      <c r="C172" s="669"/>
      <c r="D172" s="672"/>
      <c r="E172" s="671"/>
      <c r="F172" s="498"/>
      <c r="G172" s="209" t="s">
        <v>122</v>
      </c>
      <c r="H172" s="643"/>
    </row>
    <row r="173" spans="1:8" s="180" customFormat="1" ht="15" x14ac:dyDescent="0.15">
      <c r="A173" s="174"/>
      <c r="B173" s="174"/>
      <c r="C173" s="220">
        <v>23</v>
      </c>
      <c r="D173" s="241" t="s">
        <v>1237</v>
      </c>
      <c r="E173" s="235"/>
      <c r="F173" s="211"/>
      <c r="G173" s="661"/>
      <c r="H173" s="660"/>
    </row>
    <row r="174" spans="1:8" s="180" customFormat="1" ht="25.5" x14ac:dyDescent="0.15">
      <c r="A174" s="174"/>
      <c r="B174" s="174"/>
      <c r="C174" s="196"/>
      <c r="D174" s="232"/>
      <c r="E174" s="485" t="s">
        <v>272</v>
      </c>
      <c r="F174" s="470">
        <v>1</v>
      </c>
      <c r="G174" s="663" t="s">
        <v>1367</v>
      </c>
      <c r="H174" s="641" t="s">
        <v>1202</v>
      </c>
    </row>
    <row r="175" spans="1:8" s="180" customFormat="1" ht="15" x14ac:dyDescent="0.15">
      <c r="A175" s="174"/>
      <c r="B175" s="174"/>
      <c r="C175" s="196"/>
      <c r="D175" s="232"/>
      <c r="E175" s="673" t="s">
        <v>1227</v>
      </c>
      <c r="F175" s="644">
        <v>2</v>
      </c>
      <c r="G175" s="665" t="s">
        <v>1238</v>
      </c>
      <c r="H175" s="642"/>
    </row>
    <row r="176" spans="1:8" s="180" customFormat="1" ht="15" x14ac:dyDescent="0.15">
      <c r="A176" s="174"/>
      <c r="B176" s="174"/>
      <c r="C176" s="669"/>
      <c r="D176" s="674"/>
      <c r="E176" s="208" t="s">
        <v>1228</v>
      </c>
      <c r="F176" s="218"/>
      <c r="G176" s="666" t="s">
        <v>1239</v>
      </c>
      <c r="H176" s="643"/>
    </row>
    <row r="177" spans="1:8" s="180" customFormat="1" ht="15" x14ac:dyDescent="0.15">
      <c r="A177" s="174"/>
      <c r="B177" s="174"/>
      <c r="C177" s="220">
        <v>24</v>
      </c>
      <c r="D177" s="241" t="s">
        <v>1243</v>
      </c>
      <c r="E177" s="235"/>
      <c r="F177" s="211"/>
      <c r="G177" s="661"/>
      <c r="H177" s="660"/>
    </row>
    <row r="178" spans="1:8" s="180" customFormat="1" ht="25.5" x14ac:dyDescent="0.15">
      <c r="A178" s="174"/>
      <c r="B178" s="174"/>
      <c r="C178" s="196"/>
      <c r="D178" s="232"/>
      <c r="E178" s="485" t="s">
        <v>272</v>
      </c>
      <c r="F178" s="470">
        <v>1</v>
      </c>
      <c r="G178" s="663" t="s">
        <v>1367</v>
      </c>
      <c r="H178" s="641" t="s">
        <v>1202</v>
      </c>
    </row>
    <row r="179" spans="1:8" s="180" customFormat="1" ht="25.5" x14ac:dyDescent="0.15">
      <c r="A179" s="174"/>
      <c r="B179" s="174"/>
      <c r="C179" s="669"/>
      <c r="D179" s="674"/>
      <c r="E179" s="675" t="s">
        <v>1244</v>
      </c>
      <c r="F179" s="644">
        <v>2</v>
      </c>
      <c r="G179" s="676" t="s">
        <v>1368</v>
      </c>
      <c r="H179" s="641"/>
    </row>
    <row r="180" spans="1:8" s="180" customFormat="1" ht="15" x14ac:dyDescent="0.15">
      <c r="A180" s="174"/>
      <c r="B180" s="174"/>
      <c r="C180" s="220">
        <v>25</v>
      </c>
      <c r="D180" s="241" t="s">
        <v>1246</v>
      </c>
      <c r="E180" s="677"/>
      <c r="F180" s="178"/>
      <c r="G180" s="661"/>
      <c r="H180" s="660"/>
    </row>
    <row r="181" spans="1:8" s="180" customFormat="1" ht="25.5" x14ac:dyDescent="0.15">
      <c r="A181" s="174"/>
      <c r="B181" s="174"/>
      <c r="C181" s="196"/>
      <c r="D181" s="232"/>
      <c r="E181" s="485" t="s">
        <v>272</v>
      </c>
      <c r="F181" s="470">
        <v>1</v>
      </c>
      <c r="G181" s="663" t="s">
        <v>1369</v>
      </c>
      <c r="H181" s="641" t="s">
        <v>1202</v>
      </c>
    </row>
    <row r="182" spans="1:8" s="180" customFormat="1" ht="25.5" x14ac:dyDescent="0.15">
      <c r="A182" s="174"/>
      <c r="B182" s="174"/>
      <c r="C182" s="669"/>
      <c r="D182" s="674"/>
      <c r="E182" s="678" t="s">
        <v>1244</v>
      </c>
      <c r="F182" s="470">
        <v>2</v>
      </c>
      <c r="G182" s="663" t="s">
        <v>1370</v>
      </c>
      <c r="H182" s="641"/>
    </row>
    <row r="183" spans="1:8" s="180" customFormat="1" ht="15" x14ac:dyDescent="0.15">
      <c r="A183" s="174"/>
      <c r="B183" s="174"/>
      <c r="C183" s="220">
        <v>26</v>
      </c>
      <c r="D183" s="679" t="s">
        <v>1249</v>
      </c>
      <c r="E183" s="235"/>
      <c r="F183" s="211"/>
      <c r="G183" s="661"/>
      <c r="H183" s="660"/>
    </row>
    <row r="184" spans="1:8" s="180" customFormat="1" ht="25.5" x14ac:dyDescent="0.15">
      <c r="A184" s="174"/>
      <c r="B184" s="174"/>
      <c r="C184" s="196"/>
      <c r="D184" s="232"/>
      <c r="E184" s="485" t="s">
        <v>272</v>
      </c>
      <c r="F184" s="470">
        <v>1</v>
      </c>
      <c r="G184" s="663" t="s">
        <v>1250</v>
      </c>
      <c r="H184" s="641" t="s">
        <v>1202</v>
      </c>
    </row>
    <row r="185" spans="1:8" s="180" customFormat="1" ht="25.5" x14ac:dyDescent="0.15">
      <c r="A185" s="174"/>
      <c r="B185" s="174"/>
      <c r="C185" s="196"/>
      <c r="D185" s="232"/>
      <c r="E185" s="680" t="s">
        <v>1372</v>
      </c>
      <c r="F185" s="470">
        <v>2</v>
      </c>
      <c r="G185" s="667" t="s">
        <v>1251</v>
      </c>
      <c r="H185" s="641"/>
    </row>
    <row r="186" spans="1:8" s="180" customFormat="1" ht="27" x14ac:dyDescent="0.15">
      <c r="A186" s="174"/>
      <c r="B186" s="174"/>
      <c r="C186" s="196"/>
      <c r="D186" s="232"/>
      <c r="E186" s="204"/>
      <c r="F186" s="644">
        <v>3</v>
      </c>
      <c r="G186" s="665" t="s">
        <v>1252</v>
      </c>
      <c r="H186" s="642"/>
    </row>
    <row r="187" spans="1:8" s="180" customFormat="1" ht="24" x14ac:dyDescent="0.15">
      <c r="A187" s="174"/>
      <c r="B187" s="174"/>
      <c r="C187" s="669"/>
      <c r="D187" s="672"/>
      <c r="E187" s="671"/>
      <c r="F187" s="218"/>
      <c r="G187" s="666" t="s">
        <v>1253</v>
      </c>
      <c r="H187" s="643"/>
    </row>
    <row r="188" spans="1:8" s="180" customFormat="1" ht="15" x14ac:dyDescent="0.15">
      <c r="A188" s="174"/>
      <c r="B188" s="174"/>
      <c r="C188" s="220">
        <v>27</v>
      </c>
      <c r="D188" s="241" t="s">
        <v>1371</v>
      </c>
      <c r="E188" s="235"/>
      <c r="F188" s="211"/>
      <c r="G188" s="661"/>
      <c r="H188" s="660"/>
    </row>
    <row r="189" spans="1:8" s="180" customFormat="1" ht="27.75" x14ac:dyDescent="0.15">
      <c r="A189" s="174"/>
      <c r="B189" s="174"/>
      <c r="C189" s="196"/>
      <c r="D189" s="232"/>
      <c r="E189" s="681" t="s">
        <v>1254</v>
      </c>
      <c r="F189" s="644">
        <v>1</v>
      </c>
      <c r="G189" s="670" t="s">
        <v>1256</v>
      </c>
      <c r="H189" s="642"/>
    </row>
    <row r="190" spans="1:8" s="180" customFormat="1" ht="24" x14ac:dyDescent="0.15">
      <c r="A190" s="174"/>
      <c r="B190" s="174"/>
      <c r="C190" s="196"/>
      <c r="D190" s="232"/>
      <c r="E190" s="682" t="s">
        <v>1255</v>
      </c>
      <c r="F190" s="218"/>
      <c r="G190" s="666" t="s">
        <v>1257</v>
      </c>
      <c r="H190" s="643"/>
    </row>
    <row r="191" spans="1:8" s="180" customFormat="1" ht="25.5" x14ac:dyDescent="0.15">
      <c r="A191" s="174"/>
      <c r="B191" s="174"/>
      <c r="C191" s="669"/>
      <c r="D191" s="674"/>
      <c r="E191" s="683" t="s">
        <v>427</v>
      </c>
      <c r="F191" s="483">
        <v>2</v>
      </c>
      <c r="G191" s="663" t="s">
        <v>1370</v>
      </c>
      <c r="H191" s="641"/>
    </row>
    <row r="192" spans="1:8" s="180" customFormat="1" ht="15" x14ac:dyDescent="0.15">
      <c r="A192" s="174"/>
      <c r="B192" s="174"/>
      <c r="C192" s="235"/>
      <c r="D192" s="232"/>
      <c r="E192" s="235"/>
      <c r="F192" s="211"/>
      <c r="G192" s="661"/>
      <c r="H192" s="660"/>
    </row>
    <row r="193" spans="1:8" s="180" customFormat="1" ht="15" x14ac:dyDescent="0.15">
      <c r="A193" s="174"/>
      <c r="B193" s="174"/>
      <c r="C193" s="235"/>
      <c r="D193" s="232"/>
      <c r="E193" s="235"/>
      <c r="F193" s="211"/>
      <c r="G193" s="661"/>
      <c r="H193" s="660"/>
    </row>
    <row r="194" spans="1:8" s="180" customFormat="1" ht="15" x14ac:dyDescent="0.15">
      <c r="A194" s="174"/>
      <c r="B194" s="174"/>
      <c r="C194" s="235"/>
      <c r="D194" s="232"/>
      <c r="E194" s="235"/>
      <c r="F194" s="211"/>
      <c r="G194" s="661"/>
      <c r="H194" s="660"/>
    </row>
    <row r="195" spans="1:8" s="180" customFormat="1" ht="15" x14ac:dyDescent="0.15">
      <c r="A195" s="174"/>
      <c r="B195" s="174"/>
      <c r="C195" s="235"/>
      <c r="D195" s="232"/>
      <c r="E195" s="235"/>
      <c r="F195" s="211"/>
      <c r="G195" s="661"/>
      <c r="H195" s="660"/>
    </row>
    <row r="196" spans="1:8" s="180" customFormat="1" ht="15" x14ac:dyDescent="0.15">
      <c r="A196" s="174"/>
      <c r="B196" s="174"/>
      <c r="C196" s="235"/>
      <c r="D196" s="232"/>
      <c r="E196" s="235"/>
      <c r="F196" s="211"/>
      <c r="G196" s="661"/>
      <c r="H196" s="660"/>
    </row>
    <row r="197" spans="1:8" s="180" customFormat="1" ht="15" x14ac:dyDescent="0.15">
      <c r="A197" s="174"/>
      <c r="B197" s="174"/>
      <c r="C197" s="235"/>
      <c r="D197" s="232"/>
      <c r="E197" s="235"/>
      <c r="F197" s="211"/>
      <c r="G197" s="661"/>
      <c r="H197" s="660"/>
    </row>
    <row r="198" spans="1:8" s="180" customFormat="1" ht="15" x14ac:dyDescent="0.15">
      <c r="A198" s="174"/>
      <c r="B198" s="174"/>
      <c r="C198" s="235"/>
      <c r="D198" s="232"/>
      <c r="E198" s="235"/>
      <c r="F198" s="211"/>
      <c r="G198" s="661"/>
      <c r="H198" s="660"/>
    </row>
    <row r="199" spans="1:8" s="180" customFormat="1" ht="15" x14ac:dyDescent="0.15">
      <c r="A199" s="174"/>
      <c r="B199" s="174"/>
      <c r="C199" s="235"/>
      <c r="D199" s="232"/>
      <c r="E199" s="235"/>
      <c r="F199" s="211"/>
      <c r="G199" s="661"/>
      <c r="H199" s="660"/>
    </row>
    <row r="200" spans="1:8" s="180" customFormat="1" ht="15" x14ac:dyDescent="0.15">
      <c r="A200" s="174"/>
      <c r="B200" s="174"/>
      <c r="C200" s="235"/>
      <c r="D200" s="232"/>
      <c r="E200" s="235"/>
      <c r="F200" s="211"/>
      <c r="G200" s="661"/>
      <c r="H200" s="660"/>
    </row>
    <row r="201" spans="1:8" s="180" customFormat="1" ht="15" x14ac:dyDescent="0.15">
      <c r="A201" s="174"/>
      <c r="B201" s="174"/>
      <c r="C201" s="235"/>
      <c r="D201" s="232"/>
      <c r="E201" s="235"/>
      <c r="F201" s="211"/>
      <c r="G201" s="661"/>
      <c r="H201" s="660"/>
    </row>
    <row r="202" spans="1:8" s="180" customFormat="1" ht="15" x14ac:dyDescent="0.15">
      <c r="A202" s="174"/>
      <c r="B202" s="174"/>
      <c r="C202" s="235"/>
      <c r="D202" s="232"/>
      <c r="E202" s="235"/>
      <c r="F202" s="211"/>
      <c r="G202" s="661"/>
      <c r="H202" s="660"/>
    </row>
    <row r="203" spans="1:8" s="180" customFormat="1" ht="15" x14ac:dyDescent="0.15">
      <c r="A203" s="174"/>
      <c r="B203" s="174"/>
      <c r="C203" s="235"/>
      <c r="D203" s="232"/>
      <c r="E203" s="235"/>
      <c r="F203" s="211"/>
      <c r="G203" s="661"/>
      <c r="H203" s="660"/>
    </row>
    <row r="204" spans="1:8" s="180" customFormat="1" ht="15" x14ac:dyDescent="0.15">
      <c r="A204" s="174"/>
      <c r="B204" s="174"/>
      <c r="C204" s="235"/>
      <c r="D204" s="232"/>
      <c r="E204" s="235"/>
      <c r="F204" s="211"/>
      <c r="G204" s="661"/>
      <c r="H204" s="660"/>
    </row>
    <row r="205" spans="1:8" s="180" customFormat="1" ht="15" x14ac:dyDescent="0.15">
      <c r="A205" s="174"/>
      <c r="B205" s="174"/>
      <c r="C205" s="235"/>
      <c r="D205" s="232"/>
      <c r="E205" s="235"/>
      <c r="F205" s="211"/>
      <c r="G205" s="661"/>
      <c r="H205" s="660"/>
    </row>
    <row r="206" spans="1:8" s="180" customFormat="1" ht="15" x14ac:dyDescent="0.15">
      <c r="A206" s="174"/>
      <c r="B206" s="174"/>
      <c r="C206" s="235"/>
      <c r="D206" s="232"/>
      <c r="E206" s="235"/>
      <c r="F206" s="211"/>
      <c r="G206" s="661"/>
      <c r="H206" s="660"/>
    </row>
    <row r="207" spans="1:8" s="180" customFormat="1" ht="15" x14ac:dyDescent="0.15">
      <c r="A207" s="174"/>
      <c r="B207" s="174"/>
      <c r="C207" s="235"/>
      <c r="D207" s="232"/>
      <c r="E207" s="235"/>
      <c r="F207" s="211"/>
      <c r="G207" s="661"/>
      <c r="H207" s="660"/>
    </row>
    <row r="208" spans="1:8" s="180" customFormat="1" ht="15" x14ac:dyDescent="0.15">
      <c r="A208" s="174"/>
      <c r="B208" s="174"/>
      <c r="C208" s="235"/>
      <c r="D208" s="232"/>
      <c r="E208" s="235"/>
      <c r="F208" s="211"/>
      <c r="G208" s="661"/>
      <c r="H208" s="660"/>
    </row>
    <row r="209" spans="1:9" s="180" customFormat="1" ht="15" x14ac:dyDescent="0.15">
      <c r="A209" s="174"/>
      <c r="B209" s="174"/>
      <c r="C209" s="235"/>
      <c r="D209" s="232"/>
      <c r="E209" s="235"/>
      <c r="F209" s="211"/>
      <c r="G209" s="661"/>
      <c r="H209" s="660"/>
    </row>
    <row r="210" spans="1:9" s="180" customFormat="1" ht="15" x14ac:dyDescent="0.15">
      <c r="A210" s="174"/>
      <c r="B210" s="174"/>
      <c r="C210" s="235"/>
      <c r="D210" s="232"/>
      <c r="E210" s="235"/>
      <c r="F210" s="211"/>
      <c r="G210" s="661"/>
      <c r="H210" s="660"/>
    </row>
    <row r="211" spans="1:9" s="180" customFormat="1" ht="15" x14ac:dyDescent="0.15">
      <c r="A211" s="174"/>
      <c r="B211" s="174"/>
      <c r="C211" s="235"/>
      <c r="D211" s="232"/>
      <c r="E211" s="235"/>
      <c r="F211" s="211"/>
      <c r="G211" s="661"/>
      <c r="H211" s="660"/>
    </row>
    <row r="212" spans="1:9" s="180" customFormat="1" ht="15" x14ac:dyDescent="0.15">
      <c r="A212" s="174"/>
      <c r="B212" s="174"/>
      <c r="C212" s="235"/>
      <c r="D212" s="232"/>
      <c r="E212" s="235"/>
      <c r="F212" s="211"/>
      <c r="G212" s="661"/>
      <c r="H212" s="660"/>
    </row>
    <row r="213" spans="1:9" s="180" customFormat="1" ht="15" x14ac:dyDescent="0.15">
      <c r="A213" s="174"/>
      <c r="B213" s="174"/>
      <c r="C213" s="235"/>
      <c r="D213" s="232"/>
      <c r="E213" s="235"/>
      <c r="F213" s="211"/>
      <c r="G213" s="661"/>
      <c r="H213" s="660"/>
    </row>
    <row r="214" spans="1:9" s="180" customFormat="1" ht="15" x14ac:dyDescent="0.15">
      <c r="A214" s="174"/>
      <c r="B214" s="174"/>
      <c r="C214" s="235"/>
      <c r="D214" s="232"/>
      <c r="E214" s="235"/>
      <c r="F214" s="211"/>
      <c r="G214" s="661"/>
      <c r="H214" s="660"/>
    </row>
    <row r="215" spans="1:9" s="180" customFormat="1" ht="15" x14ac:dyDescent="0.15">
      <c r="A215" s="174"/>
      <c r="B215" s="174"/>
      <c r="C215" s="235"/>
      <c r="D215" s="232"/>
      <c r="E215" s="235"/>
      <c r="F215" s="211"/>
      <c r="G215" s="661"/>
      <c r="H215" s="660"/>
    </row>
    <row r="216" spans="1:9" s="180" customFormat="1" ht="15" x14ac:dyDescent="0.15">
      <c r="A216" s="174"/>
      <c r="B216" s="174"/>
      <c r="C216" s="235"/>
      <c r="D216" s="232"/>
      <c r="E216" s="235"/>
      <c r="F216" s="211"/>
      <c r="G216" s="661"/>
      <c r="H216" s="660"/>
    </row>
    <row r="217" spans="1:9" s="180" customFormat="1" ht="14.25" x14ac:dyDescent="0.15">
      <c r="A217" s="792" t="s">
        <v>1258</v>
      </c>
      <c r="B217" s="792"/>
      <c r="C217" s="792"/>
      <c r="D217" s="792"/>
      <c r="E217" s="792"/>
      <c r="F217" s="792"/>
      <c r="G217" s="792"/>
      <c r="H217" s="792"/>
      <c r="I217" s="792"/>
    </row>
    <row r="218" spans="1:9" s="180" customFormat="1" x14ac:dyDescent="0.15">
      <c r="A218" s="128"/>
      <c r="B218" s="174"/>
      <c r="C218" s="210"/>
      <c r="E218" s="210"/>
      <c r="F218" s="211"/>
      <c r="G218" s="212"/>
    </row>
    <row r="219" spans="1:9" x14ac:dyDescent="0.15">
      <c r="G219" s="115"/>
    </row>
  </sheetData>
  <mergeCells count="45">
    <mergeCell ref="H135:H136"/>
    <mergeCell ref="H137:H138"/>
    <mergeCell ref="H139:H140"/>
    <mergeCell ref="H125:H126"/>
    <mergeCell ref="H128:H129"/>
    <mergeCell ref="H29:H30"/>
    <mergeCell ref="H38:H39"/>
    <mergeCell ref="H53:H54"/>
    <mergeCell ref="H55:H56"/>
    <mergeCell ref="H36:H37"/>
    <mergeCell ref="H48:H49"/>
    <mergeCell ref="H51:H52"/>
    <mergeCell ref="H31:H32"/>
    <mergeCell ref="H121:H122"/>
    <mergeCell ref="H132:H133"/>
    <mergeCell ref="H141:H142"/>
    <mergeCell ref="H119:H120"/>
    <mergeCell ref="C6:E6"/>
    <mergeCell ref="H65:H66"/>
    <mergeCell ref="H43:H44"/>
    <mergeCell ref="H46:H47"/>
    <mergeCell ref="H58:H59"/>
    <mergeCell ref="H8:H9"/>
    <mergeCell ref="H10:H11"/>
    <mergeCell ref="H41:H42"/>
    <mergeCell ref="H19:H20"/>
    <mergeCell ref="H21:H22"/>
    <mergeCell ref="H26:H27"/>
    <mergeCell ref="H34:H35"/>
    <mergeCell ref="A79:H79"/>
    <mergeCell ref="A150:H150"/>
    <mergeCell ref="H123:H124"/>
    <mergeCell ref="H24:H25"/>
    <mergeCell ref="A217:I217"/>
    <mergeCell ref="H60:H61"/>
    <mergeCell ref="H63:H64"/>
    <mergeCell ref="H158:H161"/>
    <mergeCell ref="C81:E81"/>
    <mergeCell ref="H96:H97"/>
    <mergeCell ref="H70:H71"/>
    <mergeCell ref="H101:H102"/>
    <mergeCell ref="H103:H104"/>
    <mergeCell ref="H105:H108"/>
    <mergeCell ref="H116:H117"/>
    <mergeCell ref="H111:H114"/>
  </mergeCells>
  <phoneticPr fontId="9"/>
  <conditionalFormatting sqref="H24 H34 H41 H46 H51 H63 H83 H89 H96 H110 H8 H153 H116 H19 H10 H53 H68:H69 H118 H134">
    <cfRule type="cellIs" dxfId="113" priority="162" stopIfTrue="1" operator="equal">
      <formula>"X"</formula>
    </cfRule>
  </conditionalFormatting>
  <conditionalFormatting sqref="H58">
    <cfRule type="cellIs" dxfId="112" priority="157" operator="equal">
      <formula>"X"</formula>
    </cfRule>
  </conditionalFormatting>
  <conditionalFormatting sqref="H21">
    <cfRule type="cellIs" dxfId="111" priority="156" stopIfTrue="1" operator="equal">
      <formula>"X"</formula>
    </cfRule>
  </conditionalFormatting>
  <conditionalFormatting sqref="H21">
    <cfRule type="cellIs" dxfId="110" priority="155" operator="equal">
      <formula>"X"</formula>
    </cfRule>
  </conditionalFormatting>
  <conditionalFormatting sqref="H14">
    <cfRule type="cellIs" dxfId="109" priority="152" stopIfTrue="1" operator="equal">
      <formula>"X"</formula>
    </cfRule>
  </conditionalFormatting>
  <conditionalFormatting sqref="H14">
    <cfRule type="cellIs" dxfId="108" priority="151" operator="equal">
      <formula>"X"</formula>
    </cfRule>
  </conditionalFormatting>
  <conditionalFormatting sqref="H15">
    <cfRule type="cellIs" dxfId="107" priority="150" stopIfTrue="1" operator="equal">
      <formula>"X"</formula>
    </cfRule>
  </conditionalFormatting>
  <conditionalFormatting sqref="H15">
    <cfRule type="cellIs" dxfId="106" priority="149" operator="equal">
      <formula>"X"</formula>
    </cfRule>
  </conditionalFormatting>
  <conditionalFormatting sqref="H16">
    <cfRule type="cellIs" dxfId="105" priority="148" stopIfTrue="1" operator="equal">
      <formula>"X"</formula>
    </cfRule>
  </conditionalFormatting>
  <conditionalFormatting sqref="H16">
    <cfRule type="cellIs" dxfId="104" priority="147" operator="equal">
      <formula>"X"</formula>
    </cfRule>
  </conditionalFormatting>
  <conditionalFormatting sqref="H17">
    <cfRule type="cellIs" dxfId="103" priority="146" stopIfTrue="1" operator="equal">
      <formula>"X"</formula>
    </cfRule>
  </conditionalFormatting>
  <conditionalFormatting sqref="H17">
    <cfRule type="cellIs" dxfId="102" priority="145" operator="equal">
      <formula>"X"</formula>
    </cfRule>
  </conditionalFormatting>
  <conditionalFormatting sqref="H26">
    <cfRule type="cellIs" dxfId="101" priority="144" stopIfTrue="1" operator="equal">
      <formula>"X"</formula>
    </cfRule>
  </conditionalFormatting>
  <conditionalFormatting sqref="H26">
    <cfRule type="cellIs" dxfId="100" priority="143" operator="equal">
      <formula>"X"</formula>
    </cfRule>
  </conditionalFormatting>
  <conditionalFormatting sqref="H31">
    <cfRule type="cellIs" dxfId="99" priority="142" stopIfTrue="1" operator="equal">
      <formula>"X"</formula>
    </cfRule>
  </conditionalFormatting>
  <conditionalFormatting sqref="H31">
    <cfRule type="cellIs" dxfId="98" priority="141" operator="equal">
      <formula>"X"</formula>
    </cfRule>
  </conditionalFormatting>
  <conditionalFormatting sqref="H36">
    <cfRule type="cellIs" dxfId="97" priority="140" stopIfTrue="1" operator="equal">
      <formula>"X"</formula>
    </cfRule>
  </conditionalFormatting>
  <conditionalFormatting sqref="H36">
    <cfRule type="cellIs" dxfId="96" priority="139" operator="equal">
      <formula>"X"</formula>
    </cfRule>
  </conditionalFormatting>
  <conditionalFormatting sqref="H38">
    <cfRule type="cellIs" dxfId="95" priority="138" stopIfTrue="1" operator="equal">
      <formula>"X"</formula>
    </cfRule>
  </conditionalFormatting>
  <conditionalFormatting sqref="H38">
    <cfRule type="cellIs" dxfId="94" priority="137" operator="equal">
      <formula>"X"</formula>
    </cfRule>
  </conditionalFormatting>
  <conditionalFormatting sqref="H43">
    <cfRule type="cellIs" dxfId="93" priority="136" stopIfTrue="1" operator="equal">
      <formula>"X"</formula>
    </cfRule>
  </conditionalFormatting>
  <conditionalFormatting sqref="H43">
    <cfRule type="cellIs" dxfId="92" priority="135" operator="equal">
      <formula>"X"</formula>
    </cfRule>
  </conditionalFormatting>
  <conditionalFormatting sqref="H48">
    <cfRule type="cellIs" dxfId="91" priority="130" stopIfTrue="1" operator="equal">
      <formula>"X"</formula>
    </cfRule>
  </conditionalFormatting>
  <conditionalFormatting sqref="H48">
    <cfRule type="cellIs" dxfId="90" priority="129" operator="equal">
      <formula>"X"</formula>
    </cfRule>
  </conditionalFormatting>
  <conditionalFormatting sqref="H55">
    <cfRule type="cellIs" dxfId="89" priority="128" stopIfTrue="1" operator="equal">
      <formula>"X"</formula>
    </cfRule>
  </conditionalFormatting>
  <conditionalFormatting sqref="H55">
    <cfRule type="cellIs" dxfId="88" priority="127" operator="equal">
      <formula>"X"</formula>
    </cfRule>
  </conditionalFormatting>
  <conditionalFormatting sqref="H60">
    <cfRule type="cellIs" dxfId="87" priority="126" stopIfTrue="1" operator="equal">
      <formula>"X"</formula>
    </cfRule>
  </conditionalFormatting>
  <conditionalFormatting sqref="H60">
    <cfRule type="cellIs" dxfId="86" priority="125" operator="equal">
      <formula>"X"</formula>
    </cfRule>
  </conditionalFormatting>
  <conditionalFormatting sqref="H65">
    <cfRule type="cellIs" dxfId="85" priority="124" stopIfTrue="1" operator="equal">
      <formula>"X"</formula>
    </cfRule>
  </conditionalFormatting>
  <conditionalFormatting sqref="H65">
    <cfRule type="cellIs" dxfId="84" priority="123" operator="equal">
      <formula>"X"</formula>
    </cfRule>
  </conditionalFormatting>
  <conditionalFormatting sqref="H70">
    <cfRule type="cellIs" dxfId="83" priority="122" stopIfTrue="1" operator="equal">
      <formula>"X"</formula>
    </cfRule>
  </conditionalFormatting>
  <conditionalFormatting sqref="H70">
    <cfRule type="cellIs" dxfId="82" priority="121" operator="equal">
      <formula>"X"</formula>
    </cfRule>
  </conditionalFormatting>
  <conditionalFormatting sqref="H98">
    <cfRule type="cellIs" dxfId="81" priority="120" stopIfTrue="1" operator="equal">
      <formula>"X"</formula>
    </cfRule>
  </conditionalFormatting>
  <conditionalFormatting sqref="H98">
    <cfRule type="cellIs" dxfId="80" priority="119" operator="equal">
      <formula>"X"</formula>
    </cfRule>
  </conditionalFormatting>
  <conditionalFormatting sqref="H130">
    <cfRule type="cellIs" dxfId="79" priority="110" stopIfTrue="1" operator="equal">
      <formula>"X"</formula>
    </cfRule>
  </conditionalFormatting>
  <conditionalFormatting sqref="H130">
    <cfRule type="cellIs" dxfId="78" priority="109" operator="equal">
      <formula>"X"</formula>
    </cfRule>
  </conditionalFormatting>
  <conditionalFormatting sqref="H154">
    <cfRule type="cellIs" dxfId="77" priority="106" stopIfTrue="1" operator="equal">
      <formula>"X"</formula>
    </cfRule>
  </conditionalFormatting>
  <conditionalFormatting sqref="H154">
    <cfRule type="cellIs" dxfId="76" priority="105" operator="equal">
      <formula>"X"</formula>
    </cfRule>
  </conditionalFormatting>
  <conditionalFormatting sqref="H73">
    <cfRule type="cellIs" dxfId="75" priority="102" stopIfTrue="1" operator="equal">
      <formula>"X"</formula>
    </cfRule>
  </conditionalFormatting>
  <conditionalFormatting sqref="H73">
    <cfRule type="cellIs" dxfId="74" priority="101" operator="equal">
      <formula>"X"</formula>
    </cfRule>
  </conditionalFormatting>
  <conditionalFormatting sqref="H74">
    <cfRule type="cellIs" dxfId="73" priority="100" stopIfTrue="1" operator="equal">
      <formula>"X"</formula>
    </cfRule>
  </conditionalFormatting>
  <conditionalFormatting sqref="H74">
    <cfRule type="cellIs" dxfId="72" priority="99" operator="equal">
      <formula>"X"</formula>
    </cfRule>
  </conditionalFormatting>
  <conditionalFormatting sqref="H75">
    <cfRule type="cellIs" dxfId="71" priority="98" stopIfTrue="1" operator="equal">
      <formula>"X"</formula>
    </cfRule>
  </conditionalFormatting>
  <conditionalFormatting sqref="H75">
    <cfRule type="cellIs" dxfId="70" priority="97" operator="equal">
      <formula>"X"</formula>
    </cfRule>
  </conditionalFormatting>
  <conditionalFormatting sqref="H76">
    <cfRule type="cellIs" dxfId="69" priority="96" stopIfTrue="1" operator="equal">
      <formula>"X"</formula>
    </cfRule>
  </conditionalFormatting>
  <conditionalFormatting sqref="H76">
    <cfRule type="cellIs" dxfId="68" priority="95" operator="equal">
      <formula>"X"</formula>
    </cfRule>
  </conditionalFormatting>
  <conditionalFormatting sqref="H77">
    <cfRule type="cellIs" dxfId="67" priority="94" stopIfTrue="1" operator="equal">
      <formula>"X"</formula>
    </cfRule>
  </conditionalFormatting>
  <conditionalFormatting sqref="H77">
    <cfRule type="cellIs" dxfId="66" priority="93" operator="equal">
      <formula>"X"</formula>
    </cfRule>
  </conditionalFormatting>
  <conditionalFormatting sqref="H85">
    <cfRule type="cellIs" dxfId="65" priority="92" stopIfTrue="1" operator="equal">
      <formula>"X"</formula>
    </cfRule>
  </conditionalFormatting>
  <conditionalFormatting sqref="H85">
    <cfRule type="cellIs" dxfId="64" priority="91" operator="equal">
      <formula>"X"</formula>
    </cfRule>
  </conditionalFormatting>
  <conditionalFormatting sqref="H86">
    <cfRule type="cellIs" dxfId="63" priority="90" stopIfTrue="1" operator="equal">
      <formula>"X"</formula>
    </cfRule>
  </conditionalFormatting>
  <conditionalFormatting sqref="H86">
    <cfRule type="cellIs" dxfId="62" priority="89" operator="equal">
      <formula>"X"</formula>
    </cfRule>
  </conditionalFormatting>
  <conditionalFormatting sqref="H87">
    <cfRule type="cellIs" dxfId="61" priority="88" stopIfTrue="1" operator="equal">
      <formula>"X"</formula>
    </cfRule>
  </conditionalFormatting>
  <conditionalFormatting sqref="H87">
    <cfRule type="cellIs" dxfId="60" priority="87" operator="equal">
      <formula>"X"</formula>
    </cfRule>
  </conditionalFormatting>
  <conditionalFormatting sqref="H91">
    <cfRule type="cellIs" dxfId="59" priority="86" stopIfTrue="1" operator="equal">
      <formula>"X"</formula>
    </cfRule>
  </conditionalFormatting>
  <conditionalFormatting sqref="H91">
    <cfRule type="cellIs" dxfId="58" priority="85" operator="equal">
      <formula>"X"</formula>
    </cfRule>
  </conditionalFormatting>
  <conditionalFormatting sqref="H92">
    <cfRule type="cellIs" dxfId="57" priority="84" stopIfTrue="1" operator="equal">
      <formula>"X"</formula>
    </cfRule>
  </conditionalFormatting>
  <conditionalFormatting sqref="H92">
    <cfRule type="cellIs" dxfId="56" priority="83" operator="equal">
      <formula>"X"</formula>
    </cfRule>
  </conditionalFormatting>
  <conditionalFormatting sqref="H93">
    <cfRule type="cellIs" dxfId="55" priority="82" stopIfTrue="1" operator="equal">
      <formula>"X"</formula>
    </cfRule>
  </conditionalFormatting>
  <conditionalFormatting sqref="H93">
    <cfRule type="cellIs" dxfId="54" priority="81" operator="equal">
      <formula>"X"</formula>
    </cfRule>
  </conditionalFormatting>
  <conditionalFormatting sqref="H94">
    <cfRule type="cellIs" dxfId="53" priority="80" stopIfTrue="1" operator="equal">
      <formula>"X"</formula>
    </cfRule>
  </conditionalFormatting>
  <conditionalFormatting sqref="H94">
    <cfRule type="cellIs" dxfId="52" priority="79" operator="equal">
      <formula>"X"</formula>
    </cfRule>
  </conditionalFormatting>
  <conditionalFormatting sqref="H111">
    <cfRule type="cellIs" dxfId="51" priority="78" stopIfTrue="1" operator="equal">
      <formula>"X"</formula>
    </cfRule>
  </conditionalFormatting>
  <conditionalFormatting sqref="H111">
    <cfRule type="cellIs" dxfId="50" priority="77" operator="equal">
      <formula>"X"</formula>
    </cfRule>
  </conditionalFormatting>
  <conditionalFormatting sqref="H156">
    <cfRule type="cellIs" dxfId="49" priority="76" stopIfTrue="1" operator="equal">
      <formula>"X"</formula>
    </cfRule>
  </conditionalFormatting>
  <conditionalFormatting sqref="H157">
    <cfRule type="cellIs" dxfId="48" priority="75" stopIfTrue="1" operator="equal">
      <formula>"X"</formula>
    </cfRule>
  </conditionalFormatting>
  <conditionalFormatting sqref="H157">
    <cfRule type="cellIs" dxfId="47" priority="74" operator="equal">
      <formula>"X"</formula>
    </cfRule>
  </conditionalFormatting>
  <conditionalFormatting sqref="H158">
    <cfRule type="cellIs" dxfId="46" priority="73" stopIfTrue="1" operator="equal">
      <formula>"X"</formula>
    </cfRule>
  </conditionalFormatting>
  <conditionalFormatting sqref="H158">
    <cfRule type="cellIs" dxfId="45" priority="72" operator="equal">
      <formula>"X"</formula>
    </cfRule>
  </conditionalFormatting>
  <conditionalFormatting sqref="H100">
    <cfRule type="cellIs" dxfId="44" priority="71" stopIfTrue="1" operator="equal">
      <formula>"X"</formula>
    </cfRule>
  </conditionalFormatting>
  <conditionalFormatting sqref="H101">
    <cfRule type="cellIs" dxfId="43" priority="70" stopIfTrue="1" operator="equal">
      <formula>"X"</formula>
    </cfRule>
  </conditionalFormatting>
  <conditionalFormatting sqref="H101">
    <cfRule type="cellIs" dxfId="42" priority="69" operator="equal">
      <formula>"X"</formula>
    </cfRule>
  </conditionalFormatting>
  <conditionalFormatting sqref="H103">
    <cfRule type="cellIs" dxfId="41" priority="68" stopIfTrue="1" operator="equal">
      <formula>"X"</formula>
    </cfRule>
  </conditionalFormatting>
  <conditionalFormatting sqref="H103">
    <cfRule type="cellIs" dxfId="40" priority="67" operator="equal">
      <formula>"X"</formula>
    </cfRule>
  </conditionalFormatting>
  <conditionalFormatting sqref="H105">
    <cfRule type="cellIs" dxfId="39" priority="64" stopIfTrue="1" operator="equal">
      <formula>"X"</formula>
    </cfRule>
  </conditionalFormatting>
  <conditionalFormatting sqref="H105">
    <cfRule type="cellIs" dxfId="38" priority="63" operator="equal">
      <formula>"X"</formula>
    </cfRule>
  </conditionalFormatting>
  <conditionalFormatting sqref="H29">
    <cfRule type="cellIs" dxfId="37" priority="62" stopIfTrue="1" operator="equal">
      <formula>"X"</formula>
    </cfRule>
  </conditionalFormatting>
  <conditionalFormatting sqref="H125">
    <cfRule type="cellIs" dxfId="36" priority="45" stopIfTrue="1" operator="equal">
      <formula>"X"</formula>
    </cfRule>
  </conditionalFormatting>
  <conditionalFormatting sqref="H121">
    <cfRule type="cellIs" dxfId="35" priority="49" stopIfTrue="1" operator="equal">
      <formula>"X"</formula>
    </cfRule>
  </conditionalFormatting>
  <conditionalFormatting sqref="H121">
    <cfRule type="cellIs" dxfId="34" priority="48" operator="equal">
      <formula>"X"</formula>
    </cfRule>
  </conditionalFormatting>
  <conditionalFormatting sqref="H123">
    <cfRule type="cellIs" dxfId="33" priority="47" stopIfTrue="1" operator="equal">
      <formula>"X"</formula>
    </cfRule>
  </conditionalFormatting>
  <conditionalFormatting sqref="H123">
    <cfRule type="cellIs" dxfId="32" priority="46" operator="equal">
      <formula>"X"</formula>
    </cfRule>
  </conditionalFormatting>
  <conditionalFormatting sqref="H125">
    <cfRule type="cellIs" dxfId="31" priority="44" operator="equal">
      <formula>"X"</formula>
    </cfRule>
  </conditionalFormatting>
  <conditionalFormatting sqref="H128">
    <cfRule type="cellIs" dxfId="30" priority="40" stopIfTrue="1" operator="equal">
      <formula>"X"</formula>
    </cfRule>
  </conditionalFormatting>
  <conditionalFormatting sqref="H132">
    <cfRule type="cellIs" dxfId="29" priority="27" stopIfTrue="1" operator="equal">
      <formula>"X"</formula>
    </cfRule>
  </conditionalFormatting>
  <conditionalFormatting sqref="H119">
    <cfRule type="cellIs" dxfId="28" priority="15" stopIfTrue="1" operator="equal">
      <formula>"X"</formula>
    </cfRule>
  </conditionalFormatting>
  <conditionalFormatting sqref="H119">
    <cfRule type="cellIs" dxfId="27" priority="14" operator="equal">
      <formula>"X"</formula>
    </cfRule>
  </conditionalFormatting>
  <conditionalFormatting sqref="H141">
    <cfRule type="cellIs" dxfId="26" priority="9" stopIfTrue="1" operator="equal">
      <formula>"X"</formula>
    </cfRule>
  </conditionalFormatting>
  <conditionalFormatting sqref="H137">
    <cfRule type="cellIs" dxfId="25" priority="13" stopIfTrue="1" operator="equal">
      <formula>"X"</formula>
    </cfRule>
  </conditionalFormatting>
  <conditionalFormatting sqref="H137">
    <cfRule type="cellIs" dxfId="24" priority="12" operator="equal">
      <formula>"X"</formula>
    </cfRule>
  </conditionalFormatting>
  <conditionalFormatting sqref="H139">
    <cfRule type="cellIs" dxfId="23" priority="11" stopIfTrue="1" operator="equal">
      <formula>"X"</formula>
    </cfRule>
  </conditionalFormatting>
  <conditionalFormatting sqref="H139">
    <cfRule type="cellIs" dxfId="22" priority="10" operator="equal">
      <formula>"X"</formula>
    </cfRule>
  </conditionalFormatting>
  <conditionalFormatting sqref="H141">
    <cfRule type="cellIs" dxfId="21" priority="8" operator="equal">
      <formula>"X"</formula>
    </cfRule>
  </conditionalFormatting>
  <conditionalFormatting sqref="H135">
    <cfRule type="cellIs" dxfId="20" priority="7" stopIfTrue="1" operator="equal">
      <formula>"X"</formula>
    </cfRule>
  </conditionalFormatting>
  <conditionalFormatting sqref="H135">
    <cfRule type="cellIs" dxfId="19" priority="6" operator="equal">
      <formula>"X"</formula>
    </cfRule>
  </conditionalFormatting>
  <conditionalFormatting sqref="H163">
    <cfRule type="cellIs" dxfId="18" priority="5" stopIfTrue="1" operator="equal">
      <formula>"X"</formula>
    </cfRule>
  </conditionalFormatting>
  <conditionalFormatting sqref="H174">
    <cfRule type="cellIs" dxfId="17" priority="4" stopIfTrue="1" operator="equal">
      <formula>"X"</formula>
    </cfRule>
  </conditionalFormatting>
  <conditionalFormatting sqref="H178">
    <cfRule type="cellIs" dxfId="16" priority="3" stopIfTrue="1" operator="equal">
      <formula>"X"</formula>
    </cfRule>
  </conditionalFormatting>
  <conditionalFormatting sqref="H181">
    <cfRule type="cellIs" dxfId="15" priority="2" stopIfTrue="1" operator="equal">
      <formula>"X"</formula>
    </cfRule>
  </conditionalFormatting>
  <conditionalFormatting sqref="H184">
    <cfRule type="cellIs" dxfId="14" priority="1" stopIfTrue="1" operator="equal">
      <formula>"X"</formula>
    </cfRule>
  </conditionalFormatting>
  <dataValidations count="1">
    <dataValidation type="list" allowBlank="1" showInputMessage="1" showErrorMessage="1" sqref="H55 H21 H91:H94 H29 H68:H70 H53 H10 H26 H38 H98 H89 H60 H31 H19 H14:H17 H8 H51 H46 H43 H41 H36 H34 H24 H83 H65 H63 H58 H73:H77 H85:H87 H96 H153:H154 H116 H48 H110:H111 H156:H158 H103 H100:H101 H105 H125 H123 H132 H128 H130 H121 H141 H139 H137 H118:H119 H134:H135 H163 H174 H178 H181 H184">
      <formula1>"　,X"</formula1>
    </dataValidation>
  </dataValidations>
  <printOptions horizontalCentered="1"/>
  <pageMargins left="0.59055118110236227" right="0.59055118110236227" top="0.59055118110236227" bottom="0.19685039370078741" header="0.31496062992125984" footer="0.31496062992125984"/>
  <pageSetup paperSize="9" scale="59" fitToHeight="2" orientation="portrait" r:id="rId1"/>
  <headerFooter>
    <oddFooter>&amp;LOthers (appendix.)&amp;RV.13.0 (revised on Nov. 2021)</oddFooter>
  </headerFooter>
  <rowBreaks count="2" manualBreakCount="2">
    <brk id="79" max="7" man="1"/>
    <brk id="150" max="7" man="1"/>
  </row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R305"/>
  <sheetViews>
    <sheetView showGridLines="0" view="pageBreakPreview" topLeftCell="A2" zoomScale="90" zoomScaleNormal="80" zoomScaleSheetLayoutView="90" zoomScalePageLayoutView="70" workbookViewId="0">
      <selection activeCell="A2" sqref="A2"/>
    </sheetView>
  </sheetViews>
  <sheetFormatPr defaultRowHeight="14.25" x14ac:dyDescent="0.15"/>
  <cols>
    <col min="1" max="1" width="2.28515625" style="327" customWidth="1"/>
    <col min="2" max="2" width="5.7109375" style="455" customWidth="1"/>
    <col min="3" max="3" width="9.85546875" style="327" customWidth="1"/>
    <col min="4" max="4" width="30.28515625" style="327" customWidth="1"/>
    <col min="5" max="5" width="20" style="327" customWidth="1"/>
    <col min="6" max="6" width="23.85546875" style="327" customWidth="1"/>
    <col min="7" max="7" width="14.5703125" style="327" customWidth="1"/>
    <col min="8" max="8" width="20.28515625" style="327" customWidth="1"/>
    <col min="9" max="9" width="16.85546875" style="327" customWidth="1"/>
    <col min="10" max="10" width="18.5703125" style="327" customWidth="1"/>
    <col min="11" max="11" width="13.5703125" style="327" customWidth="1"/>
    <col min="12" max="12" width="12.140625" style="327" customWidth="1"/>
    <col min="13" max="13" width="13.5703125" style="327" customWidth="1"/>
    <col min="14" max="14" width="1.7109375" style="327" customWidth="1"/>
    <col min="15" max="15" width="9.140625" style="327"/>
    <col min="16" max="16" width="9.42578125" style="327" bestFit="1" customWidth="1"/>
    <col min="17" max="257" width="9.140625" style="327"/>
    <col min="258" max="258" width="2.28515625" style="327" customWidth="1"/>
    <col min="259" max="259" width="3.85546875" style="327" customWidth="1"/>
    <col min="260" max="260" width="9.85546875" style="327" customWidth="1"/>
    <col min="261" max="261" width="30.28515625" style="327" customWidth="1"/>
    <col min="262" max="262" width="23.85546875" style="327" customWidth="1"/>
    <col min="263" max="263" width="14.5703125" style="327" customWidth="1"/>
    <col min="264" max="264" width="20.28515625" style="327" customWidth="1"/>
    <col min="265" max="265" width="16.85546875" style="327" customWidth="1"/>
    <col min="266" max="266" width="18.5703125" style="327" customWidth="1"/>
    <col min="267" max="267" width="13.5703125" style="327" customWidth="1"/>
    <col min="268" max="268" width="12.140625" style="327" customWidth="1"/>
    <col min="269" max="269" width="13.5703125" style="327" customWidth="1"/>
    <col min="270" max="270" width="1.7109375" style="327" customWidth="1"/>
    <col min="271" max="271" width="9.140625" style="327"/>
    <col min="272" max="272" width="9.42578125" style="327" bestFit="1" customWidth="1"/>
    <col min="273" max="513" width="9.140625" style="327"/>
    <col min="514" max="514" width="2.28515625" style="327" customWidth="1"/>
    <col min="515" max="515" width="3.85546875" style="327" customWidth="1"/>
    <col min="516" max="516" width="9.85546875" style="327" customWidth="1"/>
    <col min="517" max="517" width="30.28515625" style="327" customWidth="1"/>
    <col min="518" max="518" width="23.85546875" style="327" customWidth="1"/>
    <col min="519" max="519" width="14.5703125" style="327" customWidth="1"/>
    <col min="520" max="520" width="20.28515625" style="327" customWidth="1"/>
    <col min="521" max="521" width="16.85546875" style="327" customWidth="1"/>
    <col min="522" max="522" width="18.5703125" style="327" customWidth="1"/>
    <col min="523" max="523" width="13.5703125" style="327" customWidth="1"/>
    <col min="524" max="524" width="12.140625" style="327" customWidth="1"/>
    <col min="525" max="525" width="13.5703125" style="327" customWidth="1"/>
    <col min="526" max="526" width="1.7109375" style="327" customWidth="1"/>
    <col min="527" max="527" width="9.140625" style="327"/>
    <col min="528" max="528" width="9.42578125" style="327" bestFit="1" customWidth="1"/>
    <col min="529" max="769" width="9.140625" style="327"/>
    <col min="770" max="770" width="2.28515625" style="327" customWidth="1"/>
    <col min="771" max="771" width="3.85546875" style="327" customWidth="1"/>
    <col min="772" max="772" width="9.85546875" style="327" customWidth="1"/>
    <col min="773" max="773" width="30.28515625" style="327" customWidth="1"/>
    <col min="774" max="774" width="23.85546875" style="327" customWidth="1"/>
    <col min="775" max="775" width="14.5703125" style="327" customWidth="1"/>
    <col min="776" max="776" width="20.28515625" style="327" customWidth="1"/>
    <col min="777" max="777" width="16.85546875" style="327" customWidth="1"/>
    <col min="778" max="778" width="18.5703125" style="327" customWidth="1"/>
    <col min="779" max="779" width="13.5703125" style="327" customWidth="1"/>
    <col min="780" max="780" width="12.140625" style="327" customWidth="1"/>
    <col min="781" max="781" width="13.5703125" style="327" customWidth="1"/>
    <col min="782" max="782" width="1.7109375" style="327" customWidth="1"/>
    <col min="783" max="783" width="9.140625" style="327"/>
    <col min="784" max="784" width="9.42578125" style="327" bestFit="1" customWidth="1"/>
    <col min="785" max="1025" width="9.140625" style="327"/>
    <col min="1026" max="1026" width="2.28515625" style="327" customWidth="1"/>
    <col min="1027" max="1027" width="3.85546875" style="327" customWidth="1"/>
    <col min="1028" max="1028" width="9.85546875" style="327" customWidth="1"/>
    <col min="1029" max="1029" width="30.28515625" style="327" customWidth="1"/>
    <col min="1030" max="1030" width="23.85546875" style="327" customWidth="1"/>
    <col min="1031" max="1031" width="14.5703125" style="327" customWidth="1"/>
    <col min="1032" max="1032" width="20.28515625" style="327" customWidth="1"/>
    <col min="1033" max="1033" width="16.85546875" style="327" customWidth="1"/>
    <col min="1034" max="1034" width="18.5703125" style="327" customWidth="1"/>
    <col min="1035" max="1035" width="13.5703125" style="327" customWidth="1"/>
    <col min="1036" max="1036" width="12.140625" style="327" customWidth="1"/>
    <col min="1037" max="1037" width="13.5703125" style="327" customWidth="1"/>
    <col min="1038" max="1038" width="1.7109375" style="327" customWidth="1"/>
    <col min="1039" max="1039" width="9.140625" style="327"/>
    <col min="1040" max="1040" width="9.42578125" style="327" bestFit="1" customWidth="1"/>
    <col min="1041" max="1281" width="9.140625" style="327"/>
    <col min="1282" max="1282" width="2.28515625" style="327" customWidth="1"/>
    <col min="1283" max="1283" width="3.85546875" style="327" customWidth="1"/>
    <col min="1284" max="1284" width="9.85546875" style="327" customWidth="1"/>
    <col min="1285" max="1285" width="30.28515625" style="327" customWidth="1"/>
    <col min="1286" max="1286" width="23.85546875" style="327" customWidth="1"/>
    <col min="1287" max="1287" width="14.5703125" style="327" customWidth="1"/>
    <col min="1288" max="1288" width="20.28515625" style="327" customWidth="1"/>
    <col min="1289" max="1289" width="16.85546875" style="327" customWidth="1"/>
    <col min="1290" max="1290" width="18.5703125" style="327" customWidth="1"/>
    <col min="1291" max="1291" width="13.5703125" style="327" customWidth="1"/>
    <col min="1292" max="1292" width="12.140625" style="327" customWidth="1"/>
    <col min="1293" max="1293" width="13.5703125" style="327" customWidth="1"/>
    <col min="1294" max="1294" width="1.7109375" style="327" customWidth="1"/>
    <col min="1295" max="1295" width="9.140625" style="327"/>
    <col min="1296" max="1296" width="9.42578125" style="327" bestFit="1" customWidth="1"/>
    <col min="1297" max="1537" width="9.140625" style="327"/>
    <col min="1538" max="1538" width="2.28515625" style="327" customWidth="1"/>
    <col min="1539" max="1539" width="3.85546875" style="327" customWidth="1"/>
    <col min="1540" max="1540" width="9.85546875" style="327" customWidth="1"/>
    <col min="1541" max="1541" width="30.28515625" style="327" customWidth="1"/>
    <col min="1542" max="1542" width="23.85546875" style="327" customWidth="1"/>
    <col min="1543" max="1543" width="14.5703125" style="327" customWidth="1"/>
    <col min="1544" max="1544" width="20.28515625" style="327" customWidth="1"/>
    <col min="1545" max="1545" width="16.85546875" style="327" customWidth="1"/>
    <col min="1546" max="1546" width="18.5703125" style="327" customWidth="1"/>
    <col min="1547" max="1547" width="13.5703125" style="327" customWidth="1"/>
    <col min="1548" max="1548" width="12.140625" style="327" customWidth="1"/>
    <col min="1549" max="1549" width="13.5703125" style="327" customWidth="1"/>
    <col min="1550" max="1550" width="1.7109375" style="327" customWidth="1"/>
    <col min="1551" max="1551" width="9.140625" style="327"/>
    <col min="1552" max="1552" width="9.42578125" style="327" bestFit="1" customWidth="1"/>
    <col min="1553" max="1793" width="9.140625" style="327"/>
    <col min="1794" max="1794" width="2.28515625" style="327" customWidth="1"/>
    <col min="1795" max="1795" width="3.85546875" style="327" customWidth="1"/>
    <col min="1796" max="1796" width="9.85546875" style="327" customWidth="1"/>
    <col min="1797" max="1797" width="30.28515625" style="327" customWidth="1"/>
    <col min="1798" max="1798" width="23.85546875" style="327" customWidth="1"/>
    <col min="1799" max="1799" width="14.5703125" style="327" customWidth="1"/>
    <col min="1800" max="1800" width="20.28515625" style="327" customWidth="1"/>
    <col min="1801" max="1801" width="16.85546875" style="327" customWidth="1"/>
    <col min="1802" max="1802" width="18.5703125" style="327" customWidth="1"/>
    <col min="1803" max="1803" width="13.5703125" style="327" customWidth="1"/>
    <col min="1804" max="1804" width="12.140625" style="327" customWidth="1"/>
    <col min="1805" max="1805" width="13.5703125" style="327" customWidth="1"/>
    <col min="1806" max="1806" width="1.7109375" style="327" customWidth="1"/>
    <col min="1807" max="1807" width="9.140625" style="327"/>
    <col min="1808" max="1808" width="9.42578125" style="327" bestFit="1" customWidth="1"/>
    <col min="1809" max="2049" width="9.140625" style="327"/>
    <col min="2050" max="2050" width="2.28515625" style="327" customWidth="1"/>
    <col min="2051" max="2051" width="3.85546875" style="327" customWidth="1"/>
    <col min="2052" max="2052" width="9.85546875" style="327" customWidth="1"/>
    <col min="2053" max="2053" width="30.28515625" style="327" customWidth="1"/>
    <col min="2054" max="2054" width="23.85546875" style="327" customWidth="1"/>
    <col min="2055" max="2055" width="14.5703125" style="327" customWidth="1"/>
    <col min="2056" max="2056" width="20.28515625" style="327" customWidth="1"/>
    <col min="2057" max="2057" width="16.85546875" style="327" customWidth="1"/>
    <col min="2058" max="2058" width="18.5703125" style="327" customWidth="1"/>
    <col min="2059" max="2059" width="13.5703125" style="327" customWidth="1"/>
    <col min="2060" max="2060" width="12.140625" style="327" customWidth="1"/>
    <col min="2061" max="2061" width="13.5703125" style="327" customWidth="1"/>
    <col min="2062" max="2062" width="1.7109375" style="327" customWidth="1"/>
    <col min="2063" max="2063" width="9.140625" style="327"/>
    <col min="2064" max="2064" width="9.42578125" style="327" bestFit="1" customWidth="1"/>
    <col min="2065" max="2305" width="9.140625" style="327"/>
    <col min="2306" max="2306" width="2.28515625" style="327" customWidth="1"/>
    <col min="2307" max="2307" width="3.85546875" style="327" customWidth="1"/>
    <col min="2308" max="2308" width="9.85546875" style="327" customWidth="1"/>
    <col min="2309" max="2309" width="30.28515625" style="327" customWidth="1"/>
    <col min="2310" max="2310" width="23.85546875" style="327" customWidth="1"/>
    <col min="2311" max="2311" width="14.5703125" style="327" customWidth="1"/>
    <col min="2312" max="2312" width="20.28515625" style="327" customWidth="1"/>
    <col min="2313" max="2313" width="16.85546875" style="327" customWidth="1"/>
    <col min="2314" max="2314" width="18.5703125" style="327" customWidth="1"/>
    <col min="2315" max="2315" width="13.5703125" style="327" customWidth="1"/>
    <col min="2316" max="2316" width="12.140625" style="327" customWidth="1"/>
    <col min="2317" max="2317" width="13.5703125" style="327" customWidth="1"/>
    <col min="2318" max="2318" width="1.7109375" style="327" customWidth="1"/>
    <col min="2319" max="2319" width="9.140625" style="327"/>
    <col min="2320" max="2320" width="9.42578125" style="327" bestFit="1" customWidth="1"/>
    <col min="2321" max="2561" width="9.140625" style="327"/>
    <col min="2562" max="2562" width="2.28515625" style="327" customWidth="1"/>
    <col min="2563" max="2563" width="3.85546875" style="327" customWidth="1"/>
    <col min="2564" max="2564" width="9.85546875" style="327" customWidth="1"/>
    <col min="2565" max="2565" width="30.28515625" style="327" customWidth="1"/>
    <col min="2566" max="2566" width="23.85546875" style="327" customWidth="1"/>
    <col min="2567" max="2567" width="14.5703125" style="327" customWidth="1"/>
    <col min="2568" max="2568" width="20.28515625" style="327" customWidth="1"/>
    <col min="2569" max="2569" width="16.85546875" style="327" customWidth="1"/>
    <col min="2570" max="2570" width="18.5703125" style="327" customWidth="1"/>
    <col min="2571" max="2571" width="13.5703125" style="327" customWidth="1"/>
    <col min="2572" max="2572" width="12.140625" style="327" customWidth="1"/>
    <col min="2573" max="2573" width="13.5703125" style="327" customWidth="1"/>
    <col min="2574" max="2574" width="1.7109375" style="327" customWidth="1"/>
    <col min="2575" max="2575" width="9.140625" style="327"/>
    <col min="2576" max="2576" width="9.42578125" style="327" bestFit="1" customWidth="1"/>
    <col min="2577" max="2817" width="9.140625" style="327"/>
    <col min="2818" max="2818" width="2.28515625" style="327" customWidth="1"/>
    <col min="2819" max="2819" width="3.85546875" style="327" customWidth="1"/>
    <col min="2820" max="2820" width="9.85546875" style="327" customWidth="1"/>
    <col min="2821" max="2821" width="30.28515625" style="327" customWidth="1"/>
    <col min="2822" max="2822" width="23.85546875" style="327" customWidth="1"/>
    <col min="2823" max="2823" width="14.5703125" style="327" customWidth="1"/>
    <col min="2824" max="2824" width="20.28515625" style="327" customWidth="1"/>
    <col min="2825" max="2825" width="16.85546875" style="327" customWidth="1"/>
    <col min="2826" max="2826" width="18.5703125" style="327" customWidth="1"/>
    <col min="2827" max="2827" width="13.5703125" style="327" customWidth="1"/>
    <col min="2828" max="2828" width="12.140625" style="327" customWidth="1"/>
    <col min="2829" max="2829" width="13.5703125" style="327" customWidth="1"/>
    <col min="2830" max="2830" width="1.7109375" style="327" customWidth="1"/>
    <col min="2831" max="2831" width="9.140625" style="327"/>
    <col min="2832" max="2832" width="9.42578125" style="327" bestFit="1" customWidth="1"/>
    <col min="2833" max="3073" width="9.140625" style="327"/>
    <col min="3074" max="3074" width="2.28515625" style="327" customWidth="1"/>
    <col min="3075" max="3075" width="3.85546875" style="327" customWidth="1"/>
    <col min="3076" max="3076" width="9.85546875" style="327" customWidth="1"/>
    <col min="3077" max="3077" width="30.28515625" style="327" customWidth="1"/>
    <col min="3078" max="3078" width="23.85546875" style="327" customWidth="1"/>
    <col min="3079" max="3079" width="14.5703125" style="327" customWidth="1"/>
    <col min="3080" max="3080" width="20.28515625" style="327" customWidth="1"/>
    <col min="3081" max="3081" width="16.85546875" style="327" customWidth="1"/>
    <col min="3082" max="3082" width="18.5703125" style="327" customWidth="1"/>
    <col min="3083" max="3083" width="13.5703125" style="327" customWidth="1"/>
    <col min="3084" max="3084" width="12.140625" style="327" customWidth="1"/>
    <col min="3085" max="3085" width="13.5703125" style="327" customWidth="1"/>
    <col min="3086" max="3086" width="1.7109375" style="327" customWidth="1"/>
    <col min="3087" max="3087" width="9.140625" style="327"/>
    <col min="3088" max="3088" width="9.42578125" style="327" bestFit="1" customWidth="1"/>
    <col min="3089" max="3329" width="9.140625" style="327"/>
    <col min="3330" max="3330" width="2.28515625" style="327" customWidth="1"/>
    <col min="3331" max="3331" width="3.85546875" style="327" customWidth="1"/>
    <col min="3332" max="3332" width="9.85546875" style="327" customWidth="1"/>
    <col min="3333" max="3333" width="30.28515625" style="327" customWidth="1"/>
    <col min="3334" max="3334" width="23.85546875" style="327" customWidth="1"/>
    <col min="3335" max="3335" width="14.5703125" style="327" customWidth="1"/>
    <col min="3336" max="3336" width="20.28515625" style="327" customWidth="1"/>
    <col min="3337" max="3337" width="16.85546875" style="327" customWidth="1"/>
    <col min="3338" max="3338" width="18.5703125" style="327" customWidth="1"/>
    <col min="3339" max="3339" width="13.5703125" style="327" customWidth="1"/>
    <col min="3340" max="3340" width="12.140625" style="327" customWidth="1"/>
    <col min="3341" max="3341" width="13.5703125" style="327" customWidth="1"/>
    <col min="3342" max="3342" width="1.7109375" style="327" customWidth="1"/>
    <col min="3343" max="3343" width="9.140625" style="327"/>
    <col min="3344" max="3344" width="9.42578125" style="327" bestFit="1" customWidth="1"/>
    <col min="3345" max="3585" width="9.140625" style="327"/>
    <col min="3586" max="3586" width="2.28515625" style="327" customWidth="1"/>
    <col min="3587" max="3587" width="3.85546875" style="327" customWidth="1"/>
    <col min="3588" max="3588" width="9.85546875" style="327" customWidth="1"/>
    <col min="3589" max="3589" width="30.28515625" style="327" customWidth="1"/>
    <col min="3590" max="3590" width="23.85546875" style="327" customWidth="1"/>
    <col min="3591" max="3591" width="14.5703125" style="327" customWidth="1"/>
    <col min="3592" max="3592" width="20.28515625" style="327" customWidth="1"/>
    <col min="3593" max="3593" width="16.85546875" style="327" customWidth="1"/>
    <col min="3594" max="3594" width="18.5703125" style="327" customWidth="1"/>
    <col min="3595" max="3595" width="13.5703125" style="327" customWidth="1"/>
    <col min="3596" max="3596" width="12.140625" style="327" customWidth="1"/>
    <col min="3597" max="3597" width="13.5703125" style="327" customWidth="1"/>
    <col min="3598" max="3598" width="1.7109375" style="327" customWidth="1"/>
    <col min="3599" max="3599" width="9.140625" style="327"/>
    <col min="3600" max="3600" width="9.42578125" style="327" bestFit="1" customWidth="1"/>
    <col min="3601" max="3841" width="9.140625" style="327"/>
    <col min="3842" max="3842" width="2.28515625" style="327" customWidth="1"/>
    <col min="3843" max="3843" width="3.85546875" style="327" customWidth="1"/>
    <col min="3844" max="3844" width="9.85546875" style="327" customWidth="1"/>
    <col min="3845" max="3845" width="30.28515625" style="327" customWidth="1"/>
    <col min="3846" max="3846" width="23.85546875" style="327" customWidth="1"/>
    <col min="3847" max="3847" width="14.5703125" style="327" customWidth="1"/>
    <col min="3848" max="3848" width="20.28515625" style="327" customWidth="1"/>
    <col min="3849" max="3849" width="16.85546875" style="327" customWidth="1"/>
    <col min="3850" max="3850" width="18.5703125" style="327" customWidth="1"/>
    <col min="3851" max="3851" width="13.5703125" style="327" customWidth="1"/>
    <col min="3852" max="3852" width="12.140625" style="327" customWidth="1"/>
    <col min="3853" max="3853" width="13.5703125" style="327" customWidth="1"/>
    <col min="3854" max="3854" width="1.7109375" style="327" customWidth="1"/>
    <col min="3855" max="3855" width="9.140625" style="327"/>
    <col min="3856" max="3856" width="9.42578125" style="327" bestFit="1" customWidth="1"/>
    <col min="3857" max="4097" width="9.140625" style="327"/>
    <col min="4098" max="4098" width="2.28515625" style="327" customWidth="1"/>
    <col min="4099" max="4099" width="3.85546875" style="327" customWidth="1"/>
    <col min="4100" max="4100" width="9.85546875" style="327" customWidth="1"/>
    <col min="4101" max="4101" width="30.28515625" style="327" customWidth="1"/>
    <col min="4102" max="4102" width="23.85546875" style="327" customWidth="1"/>
    <col min="4103" max="4103" width="14.5703125" style="327" customWidth="1"/>
    <col min="4104" max="4104" width="20.28515625" style="327" customWidth="1"/>
    <col min="4105" max="4105" width="16.85546875" style="327" customWidth="1"/>
    <col min="4106" max="4106" width="18.5703125" style="327" customWidth="1"/>
    <col min="4107" max="4107" width="13.5703125" style="327" customWidth="1"/>
    <col min="4108" max="4108" width="12.140625" style="327" customWidth="1"/>
    <col min="4109" max="4109" width="13.5703125" style="327" customWidth="1"/>
    <col min="4110" max="4110" width="1.7109375" style="327" customWidth="1"/>
    <col min="4111" max="4111" width="9.140625" style="327"/>
    <col min="4112" max="4112" width="9.42578125" style="327" bestFit="1" customWidth="1"/>
    <col min="4113" max="4353" width="9.140625" style="327"/>
    <col min="4354" max="4354" width="2.28515625" style="327" customWidth="1"/>
    <col min="4355" max="4355" width="3.85546875" style="327" customWidth="1"/>
    <col min="4356" max="4356" width="9.85546875" style="327" customWidth="1"/>
    <col min="4357" max="4357" width="30.28515625" style="327" customWidth="1"/>
    <col min="4358" max="4358" width="23.85546875" style="327" customWidth="1"/>
    <col min="4359" max="4359" width="14.5703125" style="327" customWidth="1"/>
    <col min="4360" max="4360" width="20.28515625" style="327" customWidth="1"/>
    <col min="4361" max="4361" width="16.85546875" style="327" customWidth="1"/>
    <col min="4362" max="4362" width="18.5703125" style="327" customWidth="1"/>
    <col min="4363" max="4363" width="13.5703125" style="327" customWidth="1"/>
    <col min="4364" max="4364" width="12.140625" style="327" customWidth="1"/>
    <col min="4365" max="4365" width="13.5703125" style="327" customWidth="1"/>
    <col min="4366" max="4366" width="1.7109375" style="327" customWidth="1"/>
    <col min="4367" max="4367" width="9.140625" style="327"/>
    <col min="4368" max="4368" width="9.42578125" style="327" bestFit="1" customWidth="1"/>
    <col min="4369" max="4609" width="9.140625" style="327"/>
    <col min="4610" max="4610" width="2.28515625" style="327" customWidth="1"/>
    <col min="4611" max="4611" width="3.85546875" style="327" customWidth="1"/>
    <col min="4612" max="4612" width="9.85546875" style="327" customWidth="1"/>
    <col min="4613" max="4613" width="30.28515625" style="327" customWidth="1"/>
    <col min="4614" max="4614" width="23.85546875" style="327" customWidth="1"/>
    <col min="4615" max="4615" width="14.5703125" style="327" customWidth="1"/>
    <col min="4616" max="4616" width="20.28515625" style="327" customWidth="1"/>
    <col min="4617" max="4617" width="16.85546875" style="327" customWidth="1"/>
    <col min="4618" max="4618" width="18.5703125" style="327" customWidth="1"/>
    <col min="4619" max="4619" width="13.5703125" style="327" customWidth="1"/>
    <col min="4620" max="4620" width="12.140625" style="327" customWidth="1"/>
    <col min="4621" max="4621" width="13.5703125" style="327" customWidth="1"/>
    <col min="4622" max="4622" width="1.7109375" style="327" customWidth="1"/>
    <col min="4623" max="4623" width="9.140625" style="327"/>
    <col min="4624" max="4624" width="9.42578125" style="327" bestFit="1" customWidth="1"/>
    <col min="4625" max="4865" width="9.140625" style="327"/>
    <col min="4866" max="4866" width="2.28515625" style="327" customWidth="1"/>
    <col min="4867" max="4867" width="3.85546875" style="327" customWidth="1"/>
    <col min="4868" max="4868" width="9.85546875" style="327" customWidth="1"/>
    <col min="4869" max="4869" width="30.28515625" style="327" customWidth="1"/>
    <col min="4870" max="4870" width="23.85546875" style="327" customWidth="1"/>
    <col min="4871" max="4871" width="14.5703125" style="327" customWidth="1"/>
    <col min="4872" max="4872" width="20.28515625" style="327" customWidth="1"/>
    <col min="4873" max="4873" width="16.85546875" style="327" customWidth="1"/>
    <col min="4874" max="4874" width="18.5703125" style="327" customWidth="1"/>
    <col min="4875" max="4875" width="13.5703125" style="327" customWidth="1"/>
    <col min="4876" max="4876" width="12.140625" style="327" customWidth="1"/>
    <col min="4877" max="4877" width="13.5703125" style="327" customWidth="1"/>
    <col min="4878" max="4878" width="1.7109375" style="327" customWidth="1"/>
    <col min="4879" max="4879" width="9.140625" style="327"/>
    <col min="4880" max="4880" width="9.42578125" style="327" bestFit="1" customWidth="1"/>
    <col min="4881" max="5121" width="9.140625" style="327"/>
    <col min="5122" max="5122" width="2.28515625" style="327" customWidth="1"/>
    <col min="5123" max="5123" width="3.85546875" style="327" customWidth="1"/>
    <col min="5124" max="5124" width="9.85546875" style="327" customWidth="1"/>
    <col min="5125" max="5125" width="30.28515625" style="327" customWidth="1"/>
    <col min="5126" max="5126" width="23.85546875" style="327" customWidth="1"/>
    <col min="5127" max="5127" width="14.5703125" style="327" customWidth="1"/>
    <col min="5128" max="5128" width="20.28515625" style="327" customWidth="1"/>
    <col min="5129" max="5129" width="16.85546875" style="327" customWidth="1"/>
    <col min="5130" max="5130" width="18.5703125" style="327" customWidth="1"/>
    <col min="5131" max="5131" width="13.5703125" style="327" customWidth="1"/>
    <col min="5132" max="5132" width="12.140625" style="327" customWidth="1"/>
    <col min="5133" max="5133" width="13.5703125" style="327" customWidth="1"/>
    <col min="5134" max="5134" width="1.7109375" style="327" customWidth="1"/>
    <col min="5135" max="5135" width="9.140625" style="327"/>
    <col min="5136" max="5136" width="9.42578125" style="327" bestFit="1" customWidth="1"/>
    <col min="5137" max="5377" width="9.140625" style="327"/>
    <col min="5378" max="5378" width="2.28515625" style="327" customWidth="1"/>
    <col min="5379" max="5379" width="3.85546875" style="327" customWidth="1"/>
    <col min="5380" max="5380" width="9.85546875" style="327" customWidth="1"/>
    <col min="5381" max="5381" width="30.28515625" style="327" customWidth="1"/>
    <col min="5382" max="5382" width="23.85546875" style="327" customWidth="1"/>
    <col min="5383" max="5383" width="14.5703125" style="327" customWidth="1"/>
    <col min="5384" max="5384" width="20.28515625" style="327" customWidth="1"/>
    <col min="5385" max="5385" width="16.85546875" style="327" customWidth="1"/>
    <col min="5386" max="5386" width="18.5703125" style="327" customWidth="1"/>
    <col min="5387" max="5387" width="13.5703125" style="327" customWidth="1"/>
    <col min="5388" max="5388" width="12.140625" style="327" customWidth="1"/>
    <col min="5389" max="5389" width="13.5703125" style="327" customWidth="1"/>
    <col min="5390" max="5390" width="1.7109375" style="327" customWidth="1"/>
    <col min="5391" max="5391" width="9.140625" style="327"/>
    <col min="5392" max="5392" width="9.42578125" style="327" bestFit="1" customWidth="1"/>
    <col min="5393" max="5633" width="9.140625" style="327"/>
    <col min="5634" max="5634" width="2.28515625" style="327" customWidth="1"/>
    <col min="5635" max="5635" width="3.85546875" style="327" customWidth="1"/>
    <col min="5636" max="5636" width="9.85546875" style="327" customWidth="1"/>
    <col min="5637" max="5637" width="30.28515625" style="327" customWidth="1"/>
    <col min="5638" max="5638" width="23.85546875" style="327" customWidth="1"/>
    <col min="5639" max="5639" width="14.5703125" style="327" customWidth="1"/>
    <col min="5640" max="5640" width="20.28515625" style="327" customWidth="1"/>
    <col min="5641" max="5641" width="16.85546875" style="327" customWidth="1"/>
    <col min="5642" max="5642" width="18.5703125" style="327" customWidth="1"/>
    <col min="5643" max="5643" width="13.5703125" style="327" customWidth="1"/>
    <col min="5644" max="5644" width="12.140625" style="327" customWidth="1"/>
    <col min="5645" max="5645" width="13.5703125" style="327" customWidth="1"/>
    <col min="5646" max="5646" width="1.7109375" style="327" customWidth="1"/>
    <col min="5647" max="5647" width="9.140625" style="327"/>
    <col min="5648" max="5648" width="9.42578125" style="327" bestFit="1" customWidth="1"/>
    <col min="5649" max="5889" width="9.140625" style="327"/>
    <col min="5890" max="5890" width="2.28515625" style="327" customWidth="1"/>
    <col min="5891" max="5891" width="3.85546875" style="327" customWidth="1"/>
    <col min="5892" max="5892" width="9.85546875" style="327" customWidth="1"/>
    <col min="5893" max="5893" width="30.28515625" style="327" customWidth="1"/>
    <col min="5894" max="5894" width="23.85546875" style="327" customWidth="1"/>
    <col min="5895" max="5895" width="14.5703125" style="327" customWidth="1"/>
    <col min="5896" max="5896" width="20.28515625" style="327" customWidth="1"/>
    <col min="5897" max="5897" width="16.85546875" style="327" customWidth="1"/>
    <col min="5898" max="5898" width="18.5703125" style="327" customWidth="1"/>
    <col min="5899" max="5899" width="13.5703125" style="327" customWidth="1"/>
    <col min="5900" max="5900" width="12.140625" style="327" customWidth="1"/>
    <col min="5901" max="5901" width="13.5703125" style="327" customWidth="1"/>
    <col min="5902" max="5902" width="1.7109375" style="327" customWidth="1"/>
    <col min="5903" max="5903" width="9.140625" style="327"/>
    <col min="5904" max="5904" width="9.42578125" style="327" bestFit="1" customWidth="1"/>
    <col min="5905" max="6145" width="9.140625" style="327"/>
    <col min="6146" max="6146" width="2.28515625" style="327" customWidth="1"/>
    <col min="6147" max="6147" width="3.85546875" style="327" customWidth="1"/>
    <col min="6148" max="6148" width="9.85546875" style="327" customWidth="1"/>
    <col min="6149" max="6149" width="30.28515625" style="327" customWidth="1"/>
    <col min="6150" max="6150" width="23.85546875" style="327" customWidth="1"/>
    <col min="6151" max="6151" width="14.5703125" style="327" customWidth="1"/>
    <col min="6152" max="6152" width="20.28515625" style="327" customWidth="1"/>
    <col min="6153" max="6153" width="16.85546875" style="327" customWidth="1"/>
    <col min="6154" max="6154" width="18.5703125" style="327" customWidth="1"/>
    <col min="6155" max="6155" width="13.5703125" style="327" customWidth="1"/>
    <col min="6156" max="6156" width="12.140625" style="327" customWidth="1"/>
    <col min="6157" max="6157" width="13.5703125" style="327" customWidth="1"/>
    <col min="6158" max="6158" width="1.7109375" style="327" customWidth="1"/>
    <col min="6159" max="6159" width="9.140625" style="327"/>
    <col min="6160" max="6160" width="9.42578125" style="327" bestFit="1" customWidth="1"/>
    <col min="6161" max="6401" width="9.140625" style="327"/>
    <col min="6402" max="6402" width="2.28515625" style="327" customWidth="1"/>
    <col min="6403" max="6403" width="3.85546875" style="327" customWidth="1"/>
    <col min="6404" max="6404" width="9.85546875" style="327" customWidth="1"/>
    <col min="6405" max="6405" width="30.28515625" style="327" customWidth="1"/>
    <col min="6406" max="6406" width="23.85546875" style="327" customWidth="1"/>
    <col min="6407" max="6407" width="14.5703125" style="327" customWidth="1"/>
    <col min="6408" max="6408" width="20.28515625" style="327" customWidth="1"/>
    <col min="6409" max="6409" width="16.85546875" style="327" customWidth="1"/>
    <col min="6410" max="6410" width="18.5703125" style="327" customWidth="1"/>
    <col min="6411" max="6411" width="13.5703125" style="327" customWidth="1"/>
    <col min="6412" max="6412" width="12.140625" style="327" customWidth="1"/>
    <col min="6413" max="6413" width="13.5703125" style="327" customWidth="1"/>
    <col min="6414" max="6414" width="1.7109375" style="327" customWidth="1"/>
    <col min="6415" max="6415" width="9.140625" style="327"/>
    <col min="6416" max="6416" width="9.42578125" style="327" bestFit="1" customWidth="1"/>
    <col min="6417" max="6657" width="9.140625" style="327"/>
    <col min="6658" max="6658" width="2.28515625" style="327" customWidth="1"/>
    <col min="6659" max="6659" width="3.85546875" style="327" customWidth="1"/>
    <col min="6660" max="6660" width="9.85546875" style="327" customWidth="1"/>
    <col min="6661" max="6661" width="30.28515625" style="327" customWidth="1"/>
    <col min="6662" max="6662" width="23.85546875" style="327" customWidth="1"/>
    <col min="6663" max="6663" width="14.5703125" style="327" customWidth="1"/>
    <col min="6664" max="6664" width="20.28515625" style="327" customWidth="1"/>
    <col min="6665" max="6665" width="16.85546875" style="327" customWidth="1"/>
    <col min="6666" max="6666" width="18.5703125" style="327" customWidth="1"/>
    <col min="6667" max="6667" width="13.5703125" style="327" customWidth="1"/>
    <col min="6668" max="6668" width="12.140625" style="327" customWidth="1"/>
    <col min="6669" max="6669" width="13.5703125" style="327" customWidth="1"/>
    <col min="6670" max="6670" width="1.7109375" style="327" customWidth="1"/>
    <col min="6671" max="6671" width="9.140625" style="327"/>
    <col min="6672" max="6672" width="9.42578125" style="327" bestFit="1" customWidth="1"/>
    <col min="6673" max="6913" width="9.140625" style="327"/>
    <col min="6914" max="6914" width="2.28515625" style="327" customWidth="1"/>
    <col min="6915" max="6915" width="3.85546875" style="327" customWidth="1"/>
    <col min="6916" max="6916" width="9.85546875" style="327" customWidth="1"/>
    <col min="6917" max="6917" width="30.28515625" style="327" customWidth="1"/>
    <col min="6918" max="6918" width="23.85546875" style="327" customWidth="1"/>
    <col min="6919" max="6919" width="14.5703125" style="327" customWidth="1"/>
    <col min="6920" max="6920" width="20.28515625" style="327" customWidth="1"/>
    <col min="6921" max="6921" width="16.85546875" style="327" customWidth="1"/>
    <col min="6922" max="6922" width="18.5703125" style="327" customWidth="1"/>
    <col min="6923" max="6923" width="13.5703125" style="327" customWidth="1"/>
    <col min="6924" max="6924" width="12.140625" style="327" customWidth="1"/>
    <col min="6925" max="6925" width="13.5703125" style="327" customWidth="1"/>
    <col min="6926" max="6926" width="1.7109375" style="327" customWidth="1"/>
    <col min="6927" max="6927" width="9.140625" style="327"/>
    <col min="6928" max="6928" width="9.42578125" style="327" bestFit="1" customWidth="1"/>
    <col min="6929" max="7169" width="9.140625" style="327"/>
    <col min="7170" max="7170" width="2.28515625" style="327" customWidth="1"/>
    <col min="7171" max="7171" width="3.85546875" style="327" customWidth="1"/>
    <col min="7172" max="7172" width="9.85546875" style="327" customWidth="1"/>
    <col min="7173" max="7173" width="30.28515625" style="327" customWidth="1"/>
    <col min="7174" max="7174" width="23.85546875" style="327" customWidth="1"/>
    <col min="7175" max="7175" width="14.5703125" style="327" customWidth="1"/>
    <col min="7176" max="7176" width="20.28515625" style="327" customWidth="1"/>
    <col min="7177" max="7177" width="16.85546875" style="327" customWidth="1"/>
    <col min="7178" max="7178" width="18.5703125" style="327" customWidth="1"/>
    <col min="7179" max="7179" width="13.5703125" style="327" customWidth="1"/>
    <col min="7180" max="7180" width="12.140625" style="327" customWidth="1"/>
    <col min="7181" max="7181" width="13.5703125" style="327" customWidth="1"/>
    <col min="7182" max="7182" width="1.7109375" style="327" customWidth="1"/>
    <col min="7183" max="7183" width="9.140625" style="327"/>
    <col min="7184" max="7184" width="9.42578125" style="327" bestFit="1" customWidth="1"/>
    <col min="7185" max="7425" width="9.140625" style="327"/>
    <col min="7426" max="7426" width="2.28515625" style="327" customWidth="1"/>
    <col min="7427" max="7427" width="3.85546875" style="327" customWidth="1"/>
    <col min="7428" max="7428" width="9.85546875" style="327" customWidth="1"/>
    <col min="7429" max="7429" width="30.28515625" style="327" customWidth="1"/>
    <col min="7430" max="7430" width="23.85546875" style="327" customWidth="1"/>
    <col min="7431" max="7431" width="14.5703125" style="327" customWidth="1"/>
    <col min="7432" max="7432" width="20.28515625" style="327" customWidth="1"/>
    <col min="7433" max="7433" width="16.85546875" style="327" customWidth="1"/>
    <col min="7434" max="7434" width="18.5703125" style="327" customWidth="1"/>
    <col min="7435" max="7435" width="13.5703125" style="327" customWidth="1"/>
    <col min="7436" max="7436" width="12.140625" style="327" customWidth="1"/>
    <col min="7437" max="7437" width="13.5703125" style="327" customWidth="1"/>
    <col min="7438" max="7438" width="1.7109375" style="327" customWidth="1"/>
    <col min="7439" max="7439" width="9.140625" style="327"/>
    <col min="7440" max="7440" width="9.42578125" style="327" bestFit="1" customWidth="1"/>
    <col min="7441" max="7681" width="9.140625" style="327"/>
    <col min="7682" max="7682" width="2.28515625" style="327" customWidth="1"/>
    <col min="7683" max="7683" width="3.85546875" style="327" customWidth="1"/>
    <col min="7684" max="7684" width="9.85546875" style="327" customWidth="1"/>
    <col min="7685" max="7685" width="30.28515625" style="327" customWidth="1"/>
    <col min="7686" max="7686" width="23.85546875" style="327" customWidth="1"/>
    <col min="7687" max="7687" width="14.5703125" style="327" customWidth="1"/>
    <col min="7688" max="7688" width="20.28515625" style="327" customWidth="1"/>
    <col min="7689" max="7689" width="16.85546875" style="327" customWidth="1"/>
    <col min="7690" max="7690" width="18.5703125" style="327" customWidth="1"/>
    <col min="7691" max="7691" width="13.5703125" style="327" customWidth="1"/>
    <col min="7692" max="7692" width="12.140625" style="327" customWidth="1"/>
    <col min="7693" max="7693" width="13.5703125" style="327" customWidth="1"/>
    <col min="7694" max="7694" width="1.7109375" style="327" customWidth="1"/>
    <col min="7695" max="7695" width="9.140625" style="327"/>
    <col min="7696" max="7696" width="9.42578125" style="327" bestFit="1" customWidth="1"/>
    <col min="7697" max="7937" width="9.140625" style="327"/>
    <col min="7938" max="7938" width="2.28515625" style="327" customWidth="1"/>
    <col min="7939" max="7939" width="3.85546875" style="327" customWidth="1"/>
    <col min="7940" max="7940" width="9.85546875" style="327" customWidth="1"/>
    <col min="7941" max="7941" width="30.28515625" style="327" customWidth="1"/>
    <col min="7942" max="7942" width="23.85546875" style="327" customWidth="1"/>
    <col min="7943" max="7943" width="14.5703125" style="327" customWidth="1"/>
    <col min="7944" max="7944" width="20.28515625" style="327" customWidth="1"/>
    <col min="7945" max="7945" width="16.85546875" style="327" customWidth="1"/>
    <col min="7946" max="7946" width="18.5703125" style="327" customWidth="1"/>
    <col min="7947" max="7947" width="13.5703125" style="327" customWidth="1"/>
    <col min="7948" max="7948" width="12.140625" style="327" customWidth="1"/>
    <col min="7949" max="7949" width="13.5703125" style="327" customWidth="1"/>
    <col min="7950" max="7950" width="1.7109375" style="327" customWidth="1"/>
    <col min="7951" max="7951" width="9.140625" style="327"/>
    <col min="7952" max="7952" width="9.42578125" style="327" bestFit="1" customWidth="1"/>
    <col min="7953" max="8193" width="9.140625" style="327"/>
    <col min="8194" max="8194" width="2.28515625" style="327" customWidth="1"/>
    <col min="8195" max="8195" width="3.85546875" style="327" customWidth="1"/>
    <col min="8196" max="8196" width="9.85546875" style="327" customWidth="1"/>
    <col min="8197" max="8197" width="30.28515625" style="327" customWidth="1"/>
    <col min="8198" max="8198" width="23.85546875" style="327" customWidth="1"/>
    <col min="8199" max="8199" width="14.5703125" style="327" customWidth="1"/>
    <col min="8200" max="8200" width="20.28515625" style="327" customWidth="1"/>
    <col min="8201" max="8201" width="16.85546875" style="327" customWidth="1"/>
    <col min="8202" max="8202" width="18.5703125" style="327" customWidth="1"/>
    <col min="8203" max="8203" width="13.5703125" style="327" customWidth="1"/>
    <col min="8204" max="8204" width="12.140625" style="327" customWidth="1"/>
    <col min="8205" max="8205" width="13.5703125" style="327" customWidth="1"/>
    <col min="8206" max="8206" width="1.7109375" style="327" customWidth="1"/>
    <col min="8207" max="8207" width="9.140625" style="327"/>
    <col min="8208" max="8208" width="9.42578125" style="327" bestFit="1" customWidth="1"/>
    <col min="8209" max="8449" width="9.140625" style="327"/>
    <col min="8450" max="8450" width="2.28515625" style="327" customWidth="1"/>
    <col min="8451" max="8451" width="3.85546875" style="327" customWidth="1"/>
    <col min="8452" max="8452" width="9.85546875" style="327" customWidth="1"/>
    <col min="8453" max="8453" width="30.28515625" style="327" customWidth="1"/>
    <col min="8454" max="8454" width="23.85546875" style="327" customWidth="1"/>
    <col min="8455" max="8455" width="14.5703125" style="327" customWidth="1"/>
    <col min="8456" max="8456" width="20.28515625" style="327" customWidth="1"/>
    <col min="8457" max="8457" width="16.85546875" style="327" customWidth="1"/>
    <col min="8458" max="8458" width="18.5703125" style="327" customWidth="1"/>
    <col min="8459" max="8459" width="13.5703125" style="327" customWidth="1"/>
    <col min="8460" max="8460" width="12.140625" style="327" customWidth="1"/>
    <col min="8461" max="8461" width="13.5703125" style="327" customWidth="1"/>
    <col min="8462" max="8462" width="1.7109375" style="327" customWidth="1"/>
    <col min="8463" max="8463" width="9.140625" style="327"/>
    <col min="8464" max="8464" width="9.42578125" style="327" bestFit="1" customWidth="1"/>
    <col min="8465" max="8705" width="9.140625" style="327"/>
    <col min="8706" max="8706" width="2.28515625" style="327" customWidth="1"/>
    <col min="8707" max="8707" width="3.85546875" style="327" customWidth="1"/>
    <col min="8708" max="8708" width="9.85546875" style="327" customWidth="1"/>
    <col min="8709" max="8709" width="30.28515625" style="327" customWidth="1"/>
    <col min="8710" max="8710" width="23.85546875" style="327" customWidth="1"/>
    <col min="8711" max="8711" width="14.5703125" style="327" customWidth="1"/>
    <col min="8712" max="8712" width="20.28515625" style="327" customWidth="1"/>
    <col min="8713" max="8713" width="16.85546875" style="327" customWidth="1"/>
    <col min="8714" max="8714" width="18.5703125" style="327" customWidth="1"/>
    <col min="8715" max="8715" width="13.5703125" style="327" customWidth="1"/>
    <col min="8716" max="8716" width="12.140625" style="327" customWidth="1"/>
    <col min="8717" max="8717" width="13.5703125" style="327" customWidth="1"/>
    <col min="8718" max="8718" width="1.7109375" style="327" customWidth="1"/>
    <col min="8719" max="8719" width="9.140625" style="327"/>
    <col min="8720" max="8720" width="9.42578125" style="327" bestFit="1" customWidth="1"/>
    <col min="8721" max="8961" width="9.140625" style="327"/>
    <col min="8962" max="8962" width="2.28515625" style="327" customWidth="1"/>
    <col min="8963" max="8963" width="3.85546875" style="327" customWidth="1"/>
    <col min="8964" max="8964" width="9.85546875" style="327" customWidth="1"/>
    <col min="8965" max="8965" width="30.28515625" style="327" customWidth="1"/>
    <col min="8966" max="8966" width="23.85546875" style="327" customWidth="1"/>
    <col min="8967" max="8967" width="14.5703125" style="327" customWidth="1"/>
    <col min="8968" max="8968" width="20.28515625" style="327" customWidth="1"/>
    <col min="8969" max="8969" width="16.85546875" style="327" customWidth="1"/>
    <col min="8970" max="8970" width="18.5703125" style="327" customWidth="1"/>
    <col min="8971" max="8971" width="13.5703125" style="327" customWidth="1"/>
    <col min="8972" max="8972" width="12.140625" style="327" customWidth="1"/>
    <col min="8973" max="8973" width="13.5703125" style="327" customWidth="1"/>
    <col min="8974" max="8974" width="1.7109375" style="327" customWidth="1"/>
    <col min="8975" max="8975" width="9.140625" style="327"/>
    <col min="8976" max="8976" width="9.42578125" style="327" bestFit="1" customWidth="1"/>
    <col min="8977" max="9217" width="9.140625" style="327"/>
    <col min="9218" max="9218" width="2.28515625" style="327" customWidth="1"/>
    <col min="9219" max="9219" width="3.85546875" style="327" customWidth="1"/>
    <col min="9220" max="9220" width="9.85546875" style="327" customWidth="1"/>
    <col min="9221" max="9221" width="30.28515625" style="327" customWidth="1"/>
    <col min="9222" max="9222" width="23.85546875" style="327" customWidth="1"/>
    <col min="9223" max="9223" width="14.5703125" style="327" customWidth="1"/>
    <col min="9224" max="9224" width="20.28515625" style="327" customWidth="1"/>
    <col min="9225" max="9225" width="16.85546875" style="327" customWidth="1"/>
    <col min="9226" max="9226" width="18.5703125" style="327" customWidth="1"/>
    <col min="9227" max="9227" width="13.5703125" style="327" customWidth="1"/>
    <col min="9228" max="9228" width="12.140625" style="327" customWidth="1"/>
    <col min="9229" max="9229" width="13.5703125" style="327" customWidth="1"/>
    <col min="9230" max="9230" width="1.7109375" style="327" customWidth="1"/>
    <col min="9231" max="9231" width="9.140625" style="327"/>
    <col min="9232" max="9232" width="9.42578125" style="327" bestFit="1" customWidth="1"/>
    <col min="9233" max="9473" width="9.140625" style="327"/>
    <col min="9474" max="9474" width="2.28515625" style="327" customWidth="1"/>
    <col min="9475" max="9475" width="3.85546875" style="327" customWidth="1"/>
    <col min="9476" max="9476" width="9.85546875" style="327" customWidth="1"/>
    <col min="9477" max="9477" width="30.28515625" style="327" customWidth="1"/>
    <col min="9478" max="9478" width="23.85546875" style="327" customWidth="1"/>
    <col min="9479" max="9479" width="14.5703125" style="327" customWidth="1"/>
    <col min="9480" max="9480" width="20.28515625" style="327" customWidth="1"/>
    <col min="9481" max="9481" width="16.85546875" style="327" customWidth="1"/>
    <col min="9482" max="9482" width="18.5703125" style="327" customWidth="1"/>
    <col min="9483" max="9483" width="13.5703125" style="327" customWidth="1"/>
    <col min="9484" max="9484" width="12.140625" style="327" customWidth="1"/>
    <col min="9485" max="9485" width="13.5703125" style="327" customWidth="1"/>
    <col min="9486" max="9486" width="1.7109375" style="327" customWidth="1"/>
    <col min="9487" max="9487" width="9.140625" style="327"/>
    <col min="9488" max="9488" width="9.42578125" style="327" bestFit="1" customWidth="1"/>
    <col min="9489" max="9729" width="9.140625" style="327"/>
    <col min="9730" max="9730" width="2.28515625" style="327" customWidth="1"/>
    <col min="9731" max="9731" width="3.85546875" style="327" customWidth="1"/>
    <col min="9732" max="9732" width="9.85546875" style="327" customWidth="1"/>
    <col min="9733" max="9733" width="30.28515625" style="327" customWidth="1"/>
    <col min="9734" max="9734" width="23.85546875" style="327" customWidth="1"/>
    <col min="9735" max="9735" width="14.5703125" style="327" customWidth="1"/>
    <col min="9736" max="9736" width="20.28515625" style="327" customWidth="1"/>
    <col min="9737" max="9737" width="16.85546875" style="327" customWidth="1"/>
    <col min="9738" max="9738" width="18.5703125" style="327" customWidth="1"/>
    <col min="9739" max="9739" width="13.5703125" style="327" customWidth="1"/>
    <col min="9740" max="9740" width="12.140625" style="327" customWidth="1"/>
    <col min="9741" max="9741" width="13.5703125" style="327" customWidth="1"/>
    <col min="9742" max="9742" width="1.7109375" style="327" customWidth="1"/>
    <col min="9743" max="9743" width="9.140625" style="327"/>
    <col min="9744" max="9744" width="9.42578125" style="327" bestFit="1" customWidth="1"/>
    <col min="9745" max="9985" width="9.140625" style="327"/>
    <col min="9986" max="9986" width="2.28515625" style="327" customWidth="1"/>
    <col min="9987" max="9987" width="3.85546875" style="327" customWidth="1"/>
    <col min="9988" max="9988" width="9.85546875" style="327" customWidth="1"/>
    <col min="9989" max="9989" width="30.28515625" style="327" customWidth="1"/>
    <col min="9990" max="9990" width="23.85546875" style="327" customWidth="1"/>
    <col min="9991" max="9991" width="14.5703125" style="327" customWidth="1"/>
    <col min="9992" max="9992" width="20.28515625" style="327" customWidth="1"/>
    <col min="9993" max="9993" width="16.85546875" style="327" customWidth="1"/>
    <col min="9994" max="9994" width="18.5703125" style="327" customWidth="1"/>
    <col min="9995" max="9995" width="13.5703125" style="327" customWidth="1"/>
    <col min="9996" max="9996" width="12.140625" style="327" customWidth="1"/>
    <col min="9997" max="9997" width="13.5703125" style="327" customWidth="1"/>
    <col min="9998" max="9998" width="1.7109375" style="327" customWidth="1"/>
    <col min="9999" max="9999" width="9.140625" style="327"/>
    <col min="10000" max="10000" width="9.42578125" style="327" bestFit="1" customWidth="1"/>
    <col min="10001" max="10241" width="9.140625" style="327"/>
    <col min="10242" max="10242" width="2.28515625" style="327" customWidth="1"/>
    <col min="10243" max="10243" width="3.85546875" style="327" customWidth="1"/>
    <col min="10244" max="10244" width="9.85546875" style="327" customWidth="1"/>
    <col min="10245" max="10245" width="30.28515625" style="327" customWidth="1"/>
    <col min="10246" max="10246" width="23.85546875" style="327" customWidth="1"/>
    <col min="10247" max="10247" width="14.5703125" style="327" customWidth="1"/>
    <col min="10248" max="10248" width="20.28515625" style="327" customWidth="1"/>
    <col min="10249" max="10249" width="16.85546875" style="327" customWidth="1"/>
    <col min="10250" max="10250" width="18.5703125" style="327" customWidth="1"/>
    <col min="10251" max="10251" width="13.5703125" style="327" customWidth="1"/>
    <col min="10252" max="10252" width="12.140625" style="327" customWidth="1"/>
    <col min="10253" max="10253" width="13.5703125" style="327" customWidth="1"/>
    <col min="10254" max="10254" width="1.7109375" style="327" customWidth="1"/>
    <col min="10255" max="10255" width="9.140625" style="327"/>
    <col min="10256" max="10256" width="9.42578125" style="327" bestFit="1" customWidth="1"/>
    <col min="10257" max="10497" width="9.140625" style="327"/>
    <col min="10498" max="10498" width="2.28515625" style="327" customWidth="1"/>
    <col min="10499" max="10499" width="3.85546875" style="327" customWidth="1"/>
    <col min="10500" max="10500" width="9.85546875" style="327" customWidth="1"/>
    <col min="10501" max="10501" width="30.28515625" style="327" customWidth="1"/>
    <col min="10502" max="10502" width="23.85546875" style="327" customWidth="1"/>
    <col min="10503" max="10503" width="14.5703125" style="327" customWidth="1"/>
    <col min="10504" max="10504" width="20.28515625" style="327" customWidth="1"/>
    <col min="10505" max="10505" width="16.85546875" style="327" customWidth="1"/>
    <col min="10506" max="10506" width="18.5703125" style="327" customWidth="1"/>
    <col min="10507" max="10507" width="13.5703125" style="327" customWidth="1"/>
    <col min="10508" max="10508" width="12.140625" style="327" customWidth="1"/>
    <col min="10509" max="10509" width="13.5703125" style="327" customWidth="1"/>
    <col min="10510" max="10510" width="1.7109375" style="327" customWidth="1"/>
    <col min="10511" max="10511" width="9.140625" style="327"/>
    <col min="10512" max="10512" width="9.42578125" style="327" bestFit="1" customWidth="1"/>
    <col min="10513" max="10753" width="9.140625" style="327"/>
    <col min="10754" max="10754" width="2.28515625" style="327" customWidth="1"/>
    <col min="10755" max="10755" width="3.85546875" style="327" customWidth="1"/>
    <col min="10756" max="10756" width="9.85546875" style="327" customWidth="1"/>
    <col min="10757" max="10757" width="30.28515625" style="327" customWidth="1"/>
    <col min="10758" max="10758" width="23.85546875" style="327" customWidth="1"/>
    <col min="10759" max="10759" width="14.5703125" style="327" customWidth="1"/>
    <col min="10760" max="10760" width="20.28515625" style="327" customWidth="1"/>
    <col min="10761" max="10761" width="16.85546875" style="327" customWidth="1"/>
    <col min="10762" max="10762" width="18.5703125" style="327" customWidth="1"/>
    <col min="10763" max="10763" width="13.5703125" style="327" customWidth="1"/>
    <col min="10764" max="10764" width="12.140625" style="327" customWidth="1"/>
    <col min="10765" max="10765" width="13.5703125" style="327" customWidth="1"/>
    <col min="10766" max="10766" width="1.7109375" style="327" customWidth="1"/>
    <col min="10767" max="10767" width="9.140625" style="327"/>
    <col min="10768" max="10768" width="9.42578125" style="327" bestFit="1" customWidth="1"/>
    <col min="10769" max="11009" width="9.140625" style="327"/>
    <col min="11010" max="11010" width="2.28515625" style="327" customWidth="1"/>
    <col min="11011" max="11011" width="3.85546875" style="327" customWidth="1"/>
    <col min="11012" max="11012" width="9.85546875" style="327" customWidth="1"/>
    <col min="11013" max="11013" width="30.28515625" style="327" customWidth="1"/>
    <col min="11014" max="11014" width="23.85546875" style="327" customWidth="1"/>
    <col min="11015" max="11015" width="14.5703125" style="327" customWidth="1"/>
    <col min="11016" max="11016" width="20.28515625" style="327" customWidth="1"/>
    <col min="11017" max="11017" width="16.85546875" style="327" customWidth="1"/>
    <col min="11018" max="11018" width="18.5703125" style="327" customWidth="1"/>
    <col min="11019" max="11019" width="13.5703125" style="327" customWidth="1"/>
    <col min="11020" max="11020" width="12.140625" style="327" customWidth="1"/>
    <col min="11021" max="11021" width="13.5703125" style="327" customWidth="1"/>
    <col min="11022" max="11022" width="1.7109375" style="327" customWidth="1"/>
    <col min="11023" max="11023" width="9.140625" style="327"/>
    <col min="11024" max="11024" width="9.42578125" style="327" bestFit="1" customWidth="1"/>
    <col min="11025" max="11265" width="9.140625" style="327"/>
    <col min="11266" max="11266" width="2.28515625" style="327" customWidth="1"/>
    <col min="11267" max="11267" width="3.85546875" style="327" customWidth="1"/>
    <col min="11268" max="11268" width="9.85546875" style="327" customWidth="1"/>
    <col min="11269" max="11269" width="30.28515625" style="327" customWidth="1"/>
    <col min="11270" max="11270" width="23.85546875" style="327" customWidth="1"/>
    <col min="11271" max="11271" width="14.5703125" style="327" customWidth="1"/>
    <col min="11272" max="11272" width="20.28515625" style="327" customWidth="1"/>
    <col min="11273" max="11273" width="16.85546875" style="327" customWidth="1"/>
    <col min="11274" max="11274" width="18.5703125" style="327" customWidth="1"/>
    <col min="11275" max="11275" width="13.5703125" style="327" customWidth="1"/>
    <col min="11276" max="11276" width="12.140625" style="327" customWidth="1"/>
    <col min="11277" max="11277" width="13.5703125" style="327" customWidth="1"/>
    <col min="11278" max="11278" width="1.7109375" style="327" customWidth="1"/>
    <col min="11279" max="11279" width="9.140625" style="327"/>
    <col min="11280" max="11280" width="9.42578125" style="327" bestFit="1" customWidth="1"/>
    <col min="11281" max="11521" width="9.140625" style="327"/>
    <col min="11522" max="11522" width="2.28515625" style="327" customWidth="1"/>
    <col min="11523" max="11523" width="3.85546875" style="327" customWidth="1"/>
    <col min="11524" max="11524" width="9.85546875" style="327" customWidth="1"/>
    <col min="11525" max="11525" width="30.28515625" style="327" customWidth="1"/>
    <col min="11526" max="11526" width="23.85546875" style="327" customWidth="1"/>
    <col min="11527" max="11527" width="14.5703125" style="327" customWidth="1"/>
    <col min="11528" max="11528" width="20.28515625" style="327" customWidth="1"/>
    <col min="11529" max="11529" width="16.85546875" style="327" customWidth="1"/>
    <col min="11530" max="11530" width="18.5703125" style="327" customWidth="1"/>
    <col min="11531" max="11531" width="13.5703125" style="327" customWidth="1"/>
    <col min="11532" max="11532" width="12.140625" style="327" customWidth="1"/>
    <col min="11533" max="11533" width="13.5703125" style="327" customWidth="1"/>
    <col min="11534" max="11534" width="1.7109375" style="327" customWidth="1"/>
    <col min="11535" max="11535" width="9.140625" style="327"/>
    <col min="11536" max="11536" width="9.42578125" style="327" bestFit="1" customWidth="1"/>
    <col min="11537" max="11777" width="9.140625" style="327"/>
    <col min="11778" max="11778" width="2.28515625" style="327" customWidth="1"/>
    <col min="11779" max="11779" width="3.85546875" style="327" customWidth="1"/>
    <col min="11780" max="11780" width="9.85546875" style="327" customWidth="1"/>
    <col min="11781" max="11781" width="30.28515625" style="327" customWidth="1"/>
    <col min="11782" max="11782" width="23.85546875" style="327" customWidth="1"/>
    <col min="11783" max="11783" width="14.5703125" style="327" customWidth="1"/>
    <col min="11784" max="11784" width="20.28515625" style="327" customWidth="1"/>
    <col min="11785" max="11785" width="16.85546875" style="327" customWidth="1"/>
    <col min="11786" max="11786" width="18.5703125" style="327" customWidth="1"/>
    <col min="11787" max="11787" width="13.5703125" style="327" customWidth="1"/>
    <col min="11788" max="11788" width="12.140625" style="327" customWidth="1"/>
    <col min="11789" max="11789" width="13.5703125" style="327" customWidth="1"/>
    <col min="11790" max="11790" width="1.7109375" style="327" customWidth="1"/>
    <col min="11791" max="11791" width="9.140625" style="327"/>
    <col min="11792" max="11792" width="9.42578125" style="327" bestFit="1" customWidth="1"/>
    <col min="11793" max="12033" width="9.140625" style="327"/>
    <col min="12034" max="12034" width="2.28515625" style="327" customWidth="1"/>
    <col min="12035" max="12035" width="3.85546875" style="327" customWidth="1"/>
    <col min="12036" max="12036" width="9.85546875" style="327" customWidth="1"/>
    <col min="12037" max="12037" width="30.28515625" style="327" customWidth="1"/>
    <col min="12038" max="12038" width="23.85546875" style="327" customWidth="1"/>
    <col min="12039" max="12039" width="14.5703125" style="327" customWidth="1"/>
    <col min="12040" max="12040" width="20.28515625" style="327" customWidth="1"/>
    <col min="12041" max="12041" width="16.85546875" style="327" customWidth="1"/>
    <col min="12042" max="12042" width="18.5703125" style="327" customWidth="1"/>
    <col min="12043" max="12043" width="13.5703125" style="327" customWidth="1"/>
    <col min="12044" max="12044" width="12.140625" style="327" customWidth="1"/>
    <col min="12045" max="12045" width="13.5703125" style="327" customWidth="1"/>
    <col min="12046" max="12046" width="1.7109375" style="327" customWidth="1"/>
    <col min="12047" max="12047" width="9.140625" style="327"/>
    <col min="12048" max="12048" width="9.42578125" style="327" bestFit="1" customWidth="1"/>
    <col min="12049" max="12289" width="9.140625" style="327"/>
    <col min="12290" max="12290" width="2.28515625" style="327" customWidth="1"/>
    <col min="12291" max="12291" width="3.85546875" style="327" customWidth="1"/>
    <col min="12292" max="12292" width="9.85546875" style="327" customWidth="1"/>
    <col min="12293" max="12293" width="30.28515625" style="327" customWidth="1"/>
    <col min="12294" max="12294" width="23.85546875" style="327" customWidth="1"/>
    <col min="12295" max="12295" width="14.5703125" style="327" customWidth="1"/>
    <col min="12296" max="12296" width="20.28515625" style="327" customWidth="1"/>
    <col min="12297" max="12297" width="16.85546875" style="327" customWidth="1"/>
    <col min="12298" max="12298" width="18.5703125" style="327" customWidth="1"/>
    <col min="12299" max="12299" width="13.5703125" style="327" customWidth="1"/>
    <col min="12300" max="12300" width="12.140625" style="327" customWidth="1"/>
    <col min="12301" max="12301" width="13.5703125" style="327" customWidth="1"/>
    <col min="12302" max="12302" width="1.7109375" style="327" customWidth="1"/>
    <col min="12303" max="12303" width="9.140625" style="327"/>
    <col min="12304" max="12304" width="9.42578125" style="327" bestFit="1" customWidth="1"/>
    <col min="12305" max="12545" width="9.140625" style="327"/>
    <col min="12546" max="12546" width="2.28515625" style="327" customWidth="1"/>
    <col min="12547" max="12547" width="3.85546875" style="327" customWidth="1"/>
    <col min="12548" max="12548" width="9.85546875" style="327" customWidth="1"/>
    <col min="12549" max="12549" width="30.28515625" style="327" customWidth="1"/>
    <col min="12550" max="12550" width="23.85546875" style="327" customWidth="1"/>
    <col min="12551" max="12551" width="14.5703125" style="327" customWidth="1"/>
    <col min="12552" max="12552" width="20.28515625" style="327" customWidth="1"/>
    <col min="12553" max="12553" width="16.85546875" style="327" customWidth="1"/>
    <col min="12554" max="12554" width="18.5703125" style="327" customWidth="1"/>
    <col min="12555" max="12555" width="13.5703125" style="327" customWidth="1"/>
    <col min="12556" max="12556" width="12.140625" style="327" customWidth="1"/>
    <col min="12557" max="12557" width="13.5703125" style="327" customWidth="1"/>
    <col min="12558" max="12558" width="1.7109375" style="327" customWidth="1"/>
    <col min="12559" max="12559" width="9.140625" style="327"/>
    <col min="12560" max="12560" width="9.42578125" style="327" bestFit="1" customWidth="1"/>
    <col min="12561" max="12801" width="9.140625" style="327"/>
    <col min="12802" max="12802" width="2.28515625" style="327" customWidth="1"/>
    <col min="12803" max="12803" width="3.85546875" style="327" customWidth="1"/>
    <col min="12804" max="12804" width="9.85546875" style="327" customWidth="1"/>
    <col min="12805" max="12805" width="30.28515625" style="327" customWidth="1"/>
    <col min="12806" max="12806" width="23.85546875" style="327" customWidth="1"/>
    <col min="12807" max="12807" width="14.5703125" style="327" customWidth="1"/>
    <col min="12808" max="12808" width="20.28515625" style="327" customWidth="1"/>
    <col min="12809" max="12809" width="16.85546875" style="327" customWidth="1"/>
    <col min="12810" max="12810" width="18.5703125" style="327" customWidth="1"/>
    <col min="12811" max="12811" width="13.5703125" style="327" customWidth="1"/>
    <col min="12812" max="12812" width="12.140625" style="327" customWidth="1"/>
    <col min="12813" max="12813" width="13.5703125" style="327" customWidth="1"/>
    <col min="12814" max="12814" width="1.7109375" style="327" customWidth="1"/>
    <col min="12815" max="12815" width="9.140625" style="327"/>
    <col min="12816" max="12816" width="9.42578125" style="327" bestFit="1" customWidth="1"/>
    <col min="12817" max="13057" width="9.140625" style="327"/>
    <col min="13058" max="13058" width="2.28515625" style="327" customWidth="1"/>
    <col min="13059" max="13059" width="3.85546875" style="327" customWidth="1"/>
    <col min="13060" max="13060" width="9.85546875" style="327" customWidth="1"/>
    <col min="13061" max="13061" width="30.28515625" style="327" customWidth="1"/>
    <col min="13062" max="13062" width="23.85546875" style="327" customWidth="1"/>
    <col min="13063" max="13063" width="14.5703125" style="327" customWidth="1"/>
    <col min="13064" max="13064" width="20.28515625" style="327" customWidth="1"/>
    <col min="13065" max="13065" width="16.85546875" style="327" customWidth="1"/>
    <col min="13066" max="13066" width="18.5703125" style="327" customWidth="1"/>
    <col min="13067" max="13067" width="13.5703125" style="327" customWidth="1"/>
    <col min="13068" max="13068" width="12.140625" style="327" customWidth="1"/>
    <col min="13069" max="13069" width="13.5703125" style="327" customWidth="1"/>
    <col min="13070" max="13070" width="1.7109375" style="327" customWidth="1"/>
    <col min="13071" max="13071" width="9.140625" style="327"/>
    <col min="13072" max="13072" width="9.42578125" style="327" bestFit="1" customWidth="1"/>
    <col min="13073" max="13313" width="9.140625" style="327"/>
    <col min="13314" max="13314" width="2.28515625" style="327" customWidth="1"/>
    <col min="13315" max="13315" width="3.85546875" style="327" customWidth="1"/>
    <col min="13316" max="13316" width="9.85546875" style="327" customWidth="1"/>
    <col min="13317" max="13317" width="30.28515625" style="327" customWidth="1"/>
    <col min="13318" max="13318" width="23.85546875" style="327" customWidth="1"/>
    <col min="13319" max="13319" width="14.5703125" style="327" customWidth="1"/>
    <col min="13320" max="13320" width="20.28515625" style="327" customWidth="1"/>
    <col min="13321" max="13321" width="16.85546875" style="327" customWidth="1"/>
    <col min="13322" max="13322" width="18.5703125" style="327" customWidth="1"/>
    <col min="13323" max="13323" width="13.5703125" style="327" customWidth="1"/>
    <col min="13324" max="13324" width="12.140625" style="327" customWidth="1"/>
    <col min="13325" max="13325" width="13.5703125" style="327" customWidth="1"/>
    <col min="13326" max="13326" width="1.7109375" style="327" customWidth="1"/>
    <col min="13327" max="13327" width="9.140625" style="327"/>
    <col min="13328" max="13328" width="9.42578125" style="327" bestFit="1" customWidth="1"/>
    <col min="13329" max="13569" width="9.140625" style="327"/>
    <col min="13570" max="13570" width="2.28515625" style="327" customWidth="1"/>
    <col min="13571" max="13571" width="3.85546875" style="327" customWidth="1"/>
    <col min="13572" max="13572" width="9.85546875" style="327" customWidth="1"/>
    <col min="13573" max="13573" width="30.28515625" style="327" customWidth="1"/>
    <col min="13574" max="13574" width="23.85546875" style="327" customWidth="1"/>
    <col min="13575" max="13575" width="14.5703125" style="327" customWidth="1"/>
    <col min="13576" max="13576" width="20.28515625" style="327" customWidth="1"/>
    <col min="13577" max="13577" width="16.85546875" style="327" customWidth="1"/>
    <col min="13578" max="13578" width="18.5703125" style="327" customWidth="1"/>
    <col min="13579" max="13579" width="13.5703125" style="327" customWidth="1"/>
    <col min="13580" max="13580" width="12.140625" style="327" customWidth="1"/>
    <col min="13581" max="13581" width="13.5703125" style="327" customWidth="1"/>
    <col min="13582" max="13582" width="1.7109375" style="327" customWidth="1"/>
    <col min="13583" max="13583" width="9.140625" style="327"/>
    <col min="13584" max="13584" width="9.42578125" style="327" bestFit="1" customWidth="1"/>
    <col min="13585" max="13825" width="9.140625" style="327"/>
    <col min="13826" max="13826" width="2.28515625" style="327" customWidth="1"/>
    <col min="13827" max="13827" width="3.85546875" style="327" customWidth="1"/>
    <col min="13828" max="13828" width="9.85546875" style="327" customWidth="1"/>
    <col min="13829" max="13829" width="30.28515625" style="327" customWidth="1"/>
    <col min="13830" max="13830" width="23.85546875" style="327" customWidth="1"/>
    <col min="13831" max="13831" width="14.5703125" style="327" customWidth="1"/>
    <col min="13832" max="13832" width="20.28515625" style="327" customWidth="1"/>
    <col min="13833" max="13833" width="16.85546875" style="327" customWidth="1"/>
    <col min="13834" max="13834" width="18.5703125" style="327" customWidth="1"/>
    <col min="13835" max="13835" width="13.5703125" style="327" customWidth="1"/>
    <col min="13836" max="13836" width="12.140625" style="327" customWidth="1"/>
    <col min="13837" max="13837" width="13.5703125" style="327" customWidth="1"/>
    <col min="13838" max="13838" width="1.7109375" style="327" customWidth="1"/>
    <col min="13839" max="13839" width="9.140625" style="327"/>
    <col min="13840" max="13840" width="9.42578125" style="327" bestFit="1" customWidth="1"/>
    <col min="13841" max="14081" width="9.140625" style="327"/>
    <col min="14082" max="14082" width="2.28515625" style="327" customWidth="1"/>
    <col min="14083" max="14083" width="3.85546875" style="327" customWidth="1"/>
    <col min="14084" max="14084" width="9.85546875" style="327" customWidth="1"/>
    <col min="14085" max="14085" width="30.28515625" style="327" customWidth="1"/>
    <col min="14086" max="14086" width="23.85546875" style="327" customWidth="1"/>
    <col min="14087" max="14087" width="14.5703125" style="327" customWidth="1"/>
    <col min="14088" max="14088" width="20.28515625" style="327" customWidth="1"/>
    <col min="14089" max="14089" width="16.85546875" style="327" customWidth="1"/>
    <col min="14090" max="14090" width="18.5703125" style="327" customWidth="1"/>
    <col min="14091" max="14091" width="13.5703125" style="327" customWidth="1"/>
    <col min="14092" max="14092" width="12.140625" style="327" customWidth="1"/>
    <col min="14093" max="14093" width="13.5703125" style="327" customWidth="1"/>
    <col min="14094" max="14094" width="1.7109375" style="327" customWidth="1"/>
    <col min="14095" max="14095" width="9.140625" style="327"/>
    <col min="14096" max="14096" width="9.42578125" style="327" bestFit="1" customWidth="1"/>
    <col min="14097" max="14337" width="9.140625" style="327"/>
    <col min="14338" max="14338" width="2.28515625" style="327" customWidth="1"/>
    <col min="14339" max="14339" width="3.85546875" style="327" customWidth="1"/>
    <col min="14340" max="14340" width="9.85546875" style="327" customWidth="1"/>
    <col min="14341" max="14341" width="30.28515625" style="327" customWidth="1"/>
    <col min="14342" max="14342" width="23.85546875" style="327" customWidth="1"/>
    <col min="14343" max="14343" width="14.5703125" style="327" customWidth="1"/>
    <col min="14344" max="14344" width="20.28515625" style="327" customWidth="1"/>
    <col min="14345" max="14345" width="16.85546875" style="327" customWidth="1"/>
    <col min="14346" max="14346" width="18.5703125" style="327" customWidth="1"/>
    <col min="14347" max="14347" width="13.5703125" style="327" customWidth="1"/>
    <col min="14348" max="14348" width="12.140625" style="327" customWidth="1"/>
    <col min="14349" max="14349" width="13.5703125" style="327" customWidth="1"/>
    <col min="14350" max="14350" width="1.7109375" style="327" customWidth="1"/>
    <col min="14351" max="14351" width="9.140625" style="327"/>
    <col min="14352" max="14352" width="9.42578125" style="327" bestFit="1" customWidth="1"/>
    <col min="14353" max="14593" width="9.140625" style="327"/>
    <col min="14594" max="14594" width="2.28515625" style="327" customWidth="1"/>
    <col min="14595" max="14595" width="3.85546875" style="327" customWidth="1"/>
    <col min="14596" max="14596" width="9.85546875" style="327" customWidth="1"/>
    <col min="14597" max="14597" width="30.28515625" style="327" customWidth="1"/>
    <col min="14598" max="14598" width="23.85546875" style="327" customWidth="1"/>
    <col min="14599" max="14599" width="14.5703125" style="327" customWidth="1"/>
    <col min="14600" max="14600" width="20.28515625" style="327" customWidth="1"/>
    <col min="14601" max="14601" width="16.85546875" style="327" customWidth="1"/>
    <col min="14602" max="14602" width="18.5703125" style="327" customWidth="1"/>
    <col min="14603" max="14603" width="13.5703125" style="327" customWidth="1"/>
    <col min="14604" max="14604" width="12.140625" style="327" customWidth="1"/>
    <col min="14605" max="14605" width="13.5703125" style="327" customWidth="1"/>
    <col min="14606" max="14606" width="1.7109375" style="327" customWidth="1"/>
    <col min="14607" max="14607" width="9.140625" style="327"/>
    <col min="14608" max="14608" width="9.42578125" style="327" bestFit="1" customWidth="1"/>
    <col min="14609" max="14849" width="9.140625" style="327"/>
    <col min="14850" max="14850" width="2.28515625" style="327" customWidth="1"/>
    <col min="14851" max="14851" width="3.85546875" style="327" customWidth="1"/>
    <col min="14852" max="14852" width="9.85546875" style="327" customWidth="1"/>
    <col min="14853" max="14853" width="30.28515625" style="327" customWidth="1"/>
    <col min="14854" max="14854" width="23.85546875" style="327" customWidth="1"/>
    <col min="14855" max="14855" width="14.5703125" style="327" customWidth="1"/>
    <col min="14856" max="14856" width="20.28515625" style="327" customWidth="1"/>
    <col min="14857" max="14857" width="16.85546875" style="327" customWidth="1"/>
    <col min="14858" max="14858" width="18.5703125" style="327" customWidth="1"/>
    <col min="14859" max="14859" width="13.5703125" style="327" customWidth="1"/>
    <col min="14860" max="14860" width="12.140625" style="327" customWidth="1"/>
    <col min="14861" max="14861" width="13.5703125" style="327" customWidth="1"/>
    <col min="14862" max="14862" width="1.7109375" style="327" customWidth="1"/>
    <col min="14863" max="14863" width="9.140625" style="327"/>
    <col min="14864" max="14864" width="9.42578125" style="327" bestFit="1" customWidth="1"/>
    <col min="14865" max="15105" width="9.140625" style="327"/>
    <col min="15106" max="15106" width="2.28515625" style="327" customWidth="1"/>
    <col min="15107" max="15107" width="3.85546875" style="327" customWidth="1"/>
    <col min="15108" max="15108" width="9.85546875" style="327" customWidth="1"/>
    <col min="15109" max="15109" width="30.28515625" style="327" customWidth="1"/>
    <col min="15110" max="15110" width="23.85546875" style="327" customWidth="1"/>
    <col min="15111" max="15111" width="14.5703125" style="327" customWidth="1"/>
    <col min="15112" max="15112" width="20.28515625" style="327" customWidth="1"/>
    <col min="15113" max="15113" width="16.85546875" style="327" customWidth="1"/>
    <col min="15114" max="15114" width="18.5703125" style="327" customWidth="1"/>
    <col min="15115" max="15115" width="13.5703125" style="327" customWidth="1"/>
    <col min="15116" max="15116" width="12.140625" style="327" customWidth="1"/>
    <col min="15117" max="15117" width="13.5703125" style="327" customWidth="1"/>
    <col min="15118" max="15118" width="1.7109375" style="327" customWidth="1"/>
    <col min="15119" max="15119" width="9.140625" style="327"/>
    <col min="15120" max="15120" width="9.42578125" style="327" bestFit="1" customWidth="1"/>
    <col min="15121" max="15361" width="9.140625" style="327"/>
    <col min="15362" max="15362" width="2.28515625" style="327" customWidth="1"/>
    <col min="15363" max="15363" width="3.85546875" style="327" customWidth="1"/>
    <col min="15364" max="15364" width="9.85546875" style="327" customWidth="1"/>
    <col min="15365" max="15365" width="30.28515625" style="327" customWidth="1"/>
    <col min="15366" max="15366" width="23.85546875" style="327" customWidth="1"/>
    <col min="15367" max="15367" width="14.5703125" style="327" customWidth="1"/>
    <col min="15368" max="15368" width="20.28515625" style="327" customWidth="1"/>
    <col min="15369" max="15369" width="16.85546875" style="327" customWidth="1"/>
    <col min="15370" max="15370" width="18.5703125" style="327" customWidth="1"/>
    <col min="15371" max="15371" width="13.5703125" style="327" customWidth="1"/>
    <col min="15372" max="15372" width="12.140625" style="327" customWidth="1"/>
    <col min="15373" max="15373" width="13.5703125" style="327" customWidth="1"/>
    <col min="15374" max="15374" width="1.7109375" style="327" customWidth="1"/>
    <col min="15375" max="15375" width="9.140625" style="327"/>
    <col min="15376" max="15376" width="9.42578125" style="327" bestFit="1" customWidth="1"/>
    <col min="15377" max="15617" width="9.140625" style="327"/>
    <col min="15618" max="15618" width="2.28515625" style="327" customWidth="1"/>
    <col min="15619" max="15619" width="3.85546875" style="327" customWidth="1"/>
    <col min="15620" max="15620" width="9.85546875" style="327" customWidth="1"/>
    <col min="15621" max="15621" width="30.28515625" style="327" customWidth="1"/>
    <col min="15622" max="15622" width="23.85546875" style="327" customWidth="1"/>
    <col min="15623" max="15623" width="14.5703125" style="327" customWidth="1"/>
    <col min="15624" max="15624" width="20.28515625" style="327" customWidth="1"/>
    <col min="15625" max="15625" width="16.85546875" style="327" customWidth="1"/>
    <col min="15626" max="15626" width="18.5703125" style="327" customWidth="1"/>
    <col min="15627" max="15627" width="13.5703125" style="327" customWidth="1"/>
    <col min="15628" max="15628" width="12.140625" style="327" customWidth="1"/>
    <col min="15629" max="15629" width="13.5703125" style="327" customWidth="1"/>
    <col min="15630" max="15630" width="1.7109375" style="327" customWidth="1"/>
    <col min="15631" max="15631" width="9.140625" style="327"/>
    <col min="15632" max="15632" width="9.42578125" style="327" bestFit="1" customWidth="1"/>
    <col min="15633" max="15873" width="9.140625" style="327"/>
    <col min="15874" max="15874" width="2.28515625" style="327" customWidth="1"/>
    <col min="15875" max="15875" width="3.85546875" style="327" customWidth="1"/>
    <col min="15876" max="15876" width="9.85546875" style="327" customWidth="1"/>
    <col min="15877" max="15877" width="30.28515625" style="327" customWidth="1"/>
    <col min="15878" max="15878" width="23.85546875" style="327" customWidth="1"/>
    <col min="15879" max="15879" width="14.5703125" style="327" customWidth="1"/>
    <col min="15880" max="15880" width="20.28515625" style="327" customWidth="1"/>
    <col min="15881" max="15881" width="16.85546875" style="327" customWidth="1"/>
    <col min="15882" max="15882" width="18.5703125" style="327" customWidth="1"/>
    <col min="15883" max="15883" width="13.5703125" style="327" customWidth="1"/>
    <col min="15884" max="15884" width="12.140625" style="327" customWidth="1"/>
    <col min="15885" max="15885" width="13.5703125" style="327" customWidth="1"/>
    <col min="15886" max="15886" width="1.7109375" style="327" customWidth="1"/>
    <col min="15887" max="15887" width="9.140625" style="327"/>
    <col min="15888" max="15888" width="9.42578125" style="327" bestFit="1" customWidth="1"/>
    <col min="15889" max="16129" width="9.140625" style="327"/>
    <col min="16130" max="16130" width="2.28515625" style="327" customWidth="1"/>
    <col min="16131" max="16131" width="3.85546875" style="327" customWidth="1"/>
    <col min="16132" max="16132" width="9.85546875" style="327" customWidth="1"/>
    <col min="16133" max="16133" width="30.28515625" style="327" customWidth="1"/>
    <col min="16134" max="16134" width="23.85546875" style="327" customWidth="1"/>
    <col min="16135" max="16135" width="14.5703125" style="327" customWidth="1"/>
    <col min="16136" max="16136" width="20.28515625" style="327" customWidth="1"/>
    <col min="16137" max="16137" width="16.85546875" style="327" customWidth="1"/>
    <col min="16138" max="16138" width="18.5703125" style="327" customWidth="1"/>
    <col min="16139" max="16139" width="13.5703125" style="327" customWidth="1"/>
    <col min="16140" max="16140" width="12.140625" style="327" customWidth="1"/>
    <col min="16141" max="16141" width="13.5703125" style="327" customWidth="1"/>
    <col min="16142" max="16142" width="1.7109375" style="327" customWidth="1"/>
    <col min="16143" max="16143" width="9.140625" style="327"/>
    <col min="16144" max="16144" width="9.42578125" style="327" bestFit="1" customWidth="1"/>
    <col min="16145" max="16384" width="9.140625" style="327"/>
  </cols>
  <sheetData>
    <row r="1" spans="1:14" ht="15" hidden="1" customHeight="1" x14ac:dyDescent="0.15">
      <c r="A1" s="324"/>
      <c r="B1" s="325" t="s">
        <v>1192</v>
      </c>
      <c r="C1" s="324"/>
      <c r="D1" s="324"/>
      <c r="E1" s="324"/>
      <c r="F1" s="324"/>
      <c r="G1" s="324"/>
      <c r="H1" s="324"/>
      <c r="I1" s="324"/>
      <c r="J1" s="324"/>
      <c r="K1" s="324"/>
      <c r="L1" s="324"/>
      <c r="M1" s="326"/>
    </row>
    <row r="2" spans="1:14" ht="15" customHeight="1" thickBot="1" x14ac:dyDescent="0.2">
      <c r="A2" s="324"/>
      <c r="B2" s="328"/>
      <c r="C2" s="324"/>
      <c r="D2" s="324"/>
      <c r="E2" s="324"/>
      <c r="F2" s="324"/>
      <c r="G2" s="324"/>
      <c r="H2" s="324"/>
      <c r="I2" s="324"/>
      <c r="J2" s="324"/>
      <c r="K2" s="324"/>
      <c r="L2" s="324"/>
      <c r="M2" s="324"/>
    </row>
    <row r="3" spans="1:14" ht="28.5" customHeight="1" x14ac:dyDescent="0.15">
      <c r="A3" s="324"/>
      <c r="B3" s="797" t="s">
        <v>1196</v>
      </c>
      <c r="C3" s="798"/>
      <c r="D3" s="798"/>
      <c r="E3" s="798"/>
      <c r="F3" s="798"/>
      <c r="G3" s="798"/>
      <c r="H3" s="799"/>
      <c r="I3" s="324"/>
      <c r="J3" s="329" t="s">
        <v>603</v>
      </c>
      <c r="K3" s="806"/>
      <c r="L3" s="806"/>
      <c r="M3" s="806"/>
    </row>
    <row r="4" spans="1:14" ht="28.5" customHeight="1" x14ac:dyDescent="0.15">
      <c r="A4" s="324"/>
      <c r="B4" s="800"/>
      <c r="C4" s="801"/>
      <c r="D4" s="801"/>
      <c r="E4" s="801"/>
      <c r="F4" s="801"/>
      <c r="G4" s="801"/>
      <c r="H4" s="802"/>
      <c r="I4" s="324"/>
      <c r="J4" s="329" t="s">
        <v>604</v>
      </c>
      <c r="K4" s="807"/>
      <c r="L4" s="807"/>
      <c r="M4" s="807"/>
    </row>
    <row r="5" spans="1:14" ht="30.75" customHeight="1" thickBot="1" x14ac:dyDescent="0.2">
      <c r="A5" s="324"/>
      <c r="B5" s="803"/>
      <c r="C5" s="804"/>
      <c r="D5" s="804"/>
      <c r="E5" s="804"/>
      <c r="F5" s="804"/>
      <c r="G5" s="804"/>
      <c r="H5" s="805"/>
      <c r="I5" s="324"/>
      <c r="J5" s="808" t="s">
        <v>605</v>
      </c>
      <c r="K5" s="810"/>
      <c r="L5" s="810"/>
      <c r="M5" s="810"/>
    </row>
    <row r="6" spans="1:14" ht="6" customHeight="1" x14ac:dyDescent="0.15">
      <c r="A6" s="324"/>
      <c r="B6" s="328"/>
      <c r="C6" s="324"/>
      <c r="D6" s="324"/>
      <c r="E6" s="324"/>
      <c r="F6" s="324"/>
      <c r="G6" s="324"/>
      <c r="H6" s="330"/>
      <c r="I6" s="324"/>
      <c r="J6" s="809"/>
      <c r="K6" s="811"/>
      <c r="L6" s="811"/>
      <c r="M6" s="811"/>
    </row>
    <row r="7" spans="1:14" ht="15.75" customHeight="1" x14ac:dyDescent="0.15">
      <c r="A7" s="324"/>
      <c r="B7" s="328"/>
      <c r="C7" s="324"/>
      <c r="D7" s="324"/>
      <c r="E7" s="324"/>
      <c r="F7" s="324"/>
      <c r="G7" s="324"/>
      <c r="H7" s="324"/>
      <c r="I7" s="324"/>
      <c r="J7" s="331"/>
      <c r="K7" s="812"/>
      <c r="L7" s="812"/>
      <c r="M7" s="332"/>
    </row>
    <row r="8" spans="1:14" ht="34.5" customHeight="1" x14ac:dyDescent="0.15">
      <c r="A8" s="324"/>
      <c r="B8" s="822" t="s">
        <v>1432</v>
      </c>
      <c r="C8" s="823"/>
      <c r="D8" s="823"/>
      <c r="E8" s="823"/>
      <c r="F8" s="823"/>
      <c r="G8" s="823"/>
      <c r="H8" s="823"/>
      <c r="I8" s="823"/>
      <c r="J8" s="823"/>
      <c r="K8" s="823"/>
      <c r="L8" s="823"/>
      <c r="M8" s="823"/>
      <c r="N8" s="823"/>
    </row>
    <row r="9" spans="1:14" ht="34.5" customHeight="1" x14ac:dyDescent="0.15">
      <c r="A9" s="324"/>
      <c r="B9" s="333" t="s">
        <v>1427</v>
      </c>
      <c r="C9" s="324"/>
      <c r="D9" s="324"/>
      <c r="E9" s="324"/>
      <c r="F9" s="324"/>
      <c r="G9" s="324"/>
      <c r="H9" s="324"/>
      <c r="I9" s="324"/>
      <c r="J9" s="324"/>
      <c r="K9" s="324"/>
      <c r="L9" s="324"/>
      <c r="M9" s="324"/>
    </row>
    <row r="10" spans="1:14" s="336" customFormat="1" ht="27.75" customHeight="1" x14ac:dyDescent="0.15">
      <c r="A10" s="334"/>
      <c r="B10" s="328"/>
      <c r="C10" s="324" t="s">
        <v>1428</v>
      </c>
      <c r="D10" s="335"/>
      <c r="E10" s="335"/>
      <c r="H10" s="824"/>
      <c r="I10" s="824"/>
      <c r="J10" s="824"/>
      <c r="K10" s="334"/>
      <c r="L10" s="334"/>
      <c r="M10" s="334"/>
    </row>
    <row r="11" spans="1:14" s="336" customFormat="1" ht="27.75" customHeight="1" x14ac:dyDescent="0.15">
      <c r="A11" s="334"/>
      <c r="B11" s="328"/>
      <c r="C11" s="324" t="s">
        <v>1429</v>
      </c>
      <c r="D11" s="335"/>
      <c r="E11" s="335"/>
      <c r="H11" s="824"/>
      <c r="I11" s="824"/>
      <c r="J11" s="824"/>
      <c r="K11" s="334"/>
      <c r="L11" s="334"/>
      <c r="M11" s="334"/>
    </row>
    <row r="12" spans="1:14" s="336" customFormat="1" ht="27.75" customHeight="1" x14ac:dyDescent="0.15">
      <c r="A12" s="334"/>
      <c r="B12" s="328"/>
      <c r="C12" s="324" t="s">
        <v>1430</v>
      </c>
      <c r="D12" s="335"/>
      <c r="E12" s="335"/>
      <c r="H12" s="824"/>
      <c r="I12" s="824"/>
      <c r="J12" s="824"/>
      <c r="K12" s="334"/>
      <c r="L12" s="334"/>
      <c r="M12" s="334"/>
    </row>
    <row r="13" spans="1:14" s="336" customFormat="1" ht="27.75" customHeight="1" x14ac:dyDescent="0.15">
      <c r="A13" s="334"/>
      <c r="B13" s="328"/>
      <c r="C13" s="324" t="s">
        <v>1431</v>
      </c>
      <c r="D13" s="335"/>
      <c r="E13" s="335"/>
      <c r="H13" s="824"/>
      <c r="I13" s="824"/>
      <c r="J13" s="824"/>
      <c r="K13" s="334"/>
      <c r="L13" s="334"/>
      <c r="M13" s="334"/>
    </row>
    <row r="14" spans="1:14" s="336" customFormat="1" ht="15.75" customHeight="1" x14ac:dyDescent="0.15">
      <c r="A14" s="334"/>
      <c r="B14" s="328"/>
      <c r="C14" s="324"/>
      <c r="D14" s="335"/>
      <c r="E14" s="335"/>
      <c r="H14" s="337"/>
      <c r="I14" s="337"/>
      <c r="J14" s="337"/>
      <c r="K14" s="334"/>
      <c r="L14" s="334"/>
      <c r="M14" s="334"/>
    </row>
    <row r="15" spans="1:14" s="336" customFormat="1" ht="36" customHeight="1" x14ac:dyDescent="0.15">
      <c r="A15" s="334"/>
      <c r="B15" s="333" t="s">
        <v>1433</v>
      </c>
      <c r="C15" s="324"/>
      <c r="D15" s="335"/>
      <c r="E15" s="335"/>
      <c r="F15" s="338"/>
      <c r="G15" s="338"/>
      <c r="H15" s="338"/>
      <c r="I15" s="334"/>
      <c r="J15" s="334"/>
      <c r="K15" s="334"/>
      <c r="L15" s="334"/>
      <c r="M15" s="334"/>
    </row>
    <row r="16" spans="1:14" s="336" customFormat="1" ht="31.5" customHeight="1" x14ac:dyDescent="0.15">
      <c r="A16" s="334"/>
      <c r="B16" s="339" t="s">
        <v>1434</v>
      </c>
      <c r="C16" s="324"/>
      <c r="D16" s="335"/>
      <c r="E16" s="335"/>
      <c r="F16" s="338"/>
      <c r="G16" s="338"/>
      <c r="H16" s="338"/>
      <c r="I16" s="334"/>
      <c r="J16" s="334"/>
      <c r="K16" s="334"/>
      <c r="L16" s="334"/>
      <c r="M16" s="334"/>
    </row>
    <row r="17" spans="1:13" s="336" customFormat="1" ht="38.25" customHeight="1" thickBot="1" x14ac:dyDescent="0.2">
      <c r="A17" s="334"/>
      <c r="B17" s="340"/>
      <c r="C17" s="341" t="s">
        <v>606</v>
      </c>
      <c r="D17" s="342" t="s">
        <v>1407</v>
      </c>
      <c r="E17" s="342" t="s">
        <v>607</v>
      </c>
      <c r="F17" s="825" t="s">
        <v>1408</v>
      </c>
      <c r="G17" s="826"/>
      <c r="H17" s="826"/>
      <c r="I17" s="826"/>
      <c r="J17" s="826"/>
      <c r="K17" s="827"/>
      <c r="L17" s="828" t="s">
        <v>1409</v>
      </c>
      <c r="M17" s="829"/>
    </row>
    <row r="18" spans="1:13" s="336" customFormat="1" ht="67.5" customHeight="1" x14ac:dyDescent="0.15">
      <c r="A18" s="334"/>
      <c r="B18" s="340"/>
      <c r="C18" s="813">
        <v>1</v>
      </c>
      <c r="D18" s="343" t="s">
        <v>1466</v>
      </c>
      <c r="E18" s="344" t="s">
        <v>230</v>
      </c>
      <c r="F18" s="814" t="s">
        <v>1435</v>
      </c>
      <c r="G18" s="815"/>
      <c r="H18" s="815"/>
      <c r="I18" s="815"/>
      <c r="J18" s="815"/>
      <c r="K18" s="816"/>
      <c r="L18" s="817" t="s">
        <v>1201</v>
      </c>
      <c r="M18" s="818"/>
    </row>
    <row r="19" spans="1:13" s="336" customFormat="1" ht="65.25" customHeight="1" x14ac:dyDescent="0.15">
      <c r="A19" s="334"/>
      <c r="B19" s="340"/>
      <c r="C19" s="783"/>
      <c r="D19" s="345" t="s">
        <v>1467</v>
      </c>
      <c r="E19" s="344" t="s">
        <v>230</v>
      </c>
      <c r="F19" s="819" t="s">
        <v>1435</v>
      </c>
      <c r="G19" s="819"/>
      <c r="H19" s="819"/>
      <c r="I19" s="819"/>
      <c r="J19" s="819"/>
      <c r="K19" s="819"/>
      <c r="L19" s="820" t="s">
        <v>1201</v>
      </c>
      <c r="M19" s="821"/>
    </row>
    <row r="20" spans="1:13" s="336" customFormat="1" ht="65.25" customHeight="1" x14ac:dyDescent="0.15">
      <c r="A20" s="334"/>
      <c r="B20" s="340"/>
      <c r="C20" s="783"/>
      <c r="D20" s="345" t="s">
        <v>1468</v>
      </c>
      <c r="E20" s="344" t="s">
        <v>230</v>
      </c>
      <c r="F20" s="819" t="s">
        <v>1435</v>
      </c>
      <c r="G20" s="819"/>
      <c r="H20" s="819"/>
      <c r="I20" s="819"/>
      <c r="J20" s="819"/>
      <c r="K20" s="819"/>
      <c r="L20" s="820" t="s">
        <v>1201</v>
      </c>
      <c r="M20" s="821"/>
    </row>
    <row r="21" spans="1:13" s="336" customFormat="1" ht="57" customHeight="1" x14ac:dyDescent="0.15">
      <c r="A21" s="334"/>
      <c r="B21" s="340"/>
      <c r="C21" s="346">
        <v>2</v>
      </c>
      <c r="D21" s="343" t="s">
        <v>608</v>
      </c>
      <c r="E21" s="344" t="s">
        <v>230</v>
      </c>
      <c r="F21" s="819" t="s">
        <v>1435</v>
      </c>
      <c r="G21" s="819"/>
      <c r="H21" s="819"/>
      <c r="I21" s="819"/>
      <c r="J21" s="819"/>
      <c r="K21" s="819"/>
      <c r="L21" s="820" t="s">
        <v>1201</v>
      </c>
      <c r="M21" s="821"/>
    </row>
    <row r="22" spans="1:13" s="336" customFormat="1" ht="57" customHeight="1" x14ac:dyDescent="0.15">
      <c r="A22" s="334"/>
      <c r="B22" s="340"/>
      <c r="C22" s="347">
        <v>3</v>
      </c>
      <c r="D22" s="343" t="s">
        <v>609</v>
      </c>
      <c r="E22" s="344" t="s">
        <v>230</v>
      </c>
      <c r="F22" s="819" t="s">
        <v>1435</v>
      </c>
      <c r="G22" s="819"/>
      <c r="H22" s="819"/>
      <c r="I22" s="819"/>
      <c r="J22" s="819"/>
      <c r="K22" s="819"/>
      <c r="L22" s="820" t="s">
        <v>1201</v>
      </c>
      <c r="M22" s="821"/>
    </row>
    <row r="23" spans="1:13" s="336" customFormat="1" ht="57" customHeight="1" x14ac:dyDescent="0.15">
      <c r="A23" s="334"/>
      <c r="B23" s="340"/>
      <c r="C23" s="347">
        <v>4</v>
      </c>
      <c r="D23" s="343" t="s">
        <v>1469</v>
      </c>
      <c r="E23" s="343" t="s">
        <v>610</v>
      </c>
      <c r="F23" s="819" t="s">
        <v>1436</v>
      </c>
      <c r="G23" s="819"/>
      <c r="H23" s="819"/>
      <c r="I23" s="819"/>
      <c r="J23" s="819"/>
      <c r="K23" s="819"/>
      <c r="L23" s="820" t="s">
        <v>1201</v>
      </c>
      <c r="M23" s="821"/>
    </row>
    <row r="24" spans="1:13" s="336" customFormat="1" ht="57" customHeight="1" x14ac:dyDescent="0.15">
      <c r="A24" s="334"/>
      <c r="B24" s="340"/>
      <c r="C24" s="347">
        <v>5</v>
      </c>
      <c r="D24" s="343" t="s">
        <v>1470</v>
      </c>
      <c r="E24" s="344" t="s">
        <v>230</v>
      </c>
      <c r="F24" s="819" t="s">
        <v>1436</v>
      </c>
      <c r="G24" s="819"/>
      <c r="H24" s="819"/>
      <c r="I24" s="819"/>
      <c r="J24" s="819"/>
      <c r="K24" s="819"/>
      <c r="L24" s="820" t="s">
        <v>1201</v>
      </c>
      <c r="M24" s="821"/>
    </row>
    <row r="25" spans="1:13" s="336" customFormat="1" ht="57" customHeight="1" x14ac:dyDescent="0.15">
      <c r="A25" s="334"/>
      <c r="B25" s="340"/>
      <c r="C25" s="348">
        <v>6</v>
      </c>
      <c r="D25" s="349" t="s">
        <v>1471</v>
      </c>
      <c r="E25" s="350" t="s">
        <v>611</v>
      </c>
      <c r="F25" s="819" t="s">
        <v>1435</v>
      </c>
      <c r="G25" s="819"/>
      <c r="H25" s="819"/>
      <c r="I25" s="819"/>
      <c r="J25" s="819"/>
      <c r="K25" s="819"/>
      <c r="L25" s="820" t="s">
        <v>1201</v>
      </c>
      <c r="M25" s="821"/>
    </row>
    <row r="26" spans="1:13" s="336" customFormat="1" ht="75" customHeight="1" x14ac:dyDescent="0.15">
      <c r="A26" s="334"/>
      <c r="B26" s="340"/>
      <c r="C26" s="348">
        <v>7</v>
      </c>
      <c r="D26" s="349" t="s">
        <v>1472</v>
      </c>
      <c r="E26" s="344" t="s">
        <v>230</v>
      </c>
      <c r="F26" s="819" t="s">
        <v>1435</v>
      </c>
      <c r="G26" s="819"/>
      <c r="H26" s="819"/>
      <c r="I26" s="819"/>
      <c r="J26" s="819"/>
      <c r="K26" s="819"/>
      <c r="L26" s="820" t="s">
        <v>1201</v>
      </c>
      <c r="M26" s="821"/>
    </row>
    <row r="27" spans="1:13" s="336" customFormat="1" ht="57" customHeight="1" x14ac:dyDescent="0.15">
      <c r="A27" s="334"/>
      <c r="B27" s="340"/>
      <c r="C27" s="348">
        <v>8</v>
      </c>
      <c r="D27" s="351" t="s">
        <v>1473</v>
      </c>
      <c r="E27" s="350" t="s">
        <v>612</v>
      </c>
      <c r="F27" s="819" t="s">
        <v>1435</v>
      </c>
      <c r="G27" s="819"/>
      <c r="H27" s="819"/>
      <c r="I27" s="819"/>
      <c r="J27" s="819"/>
      <c r="K27" s="819"/>
      <c r="L27" s="820" t="s">
        <v>1201</v>
      </c>
      <c r="M27" s="821"/>
    </row>
    <row r="28" spans="1:13" s="336" customFormat="1" ht="57" customHeight="1" x14ac:dyDescent="0.15">
      <c r="A28" s="334"/>
      <c r="B28" s="340"/>
      <c r="C28" s="348">
        <v>9</v>
      </c>
      <c r="D28" s="351" t="s">
        <v>1474</v>
      </c>
      <c r="E28" s="350" t="s">
        <v>1414</v>
      </c>
      <c r="F28" s="819" t="s">
        <v>1435</v>
      </c>
      <c r="G28" s="819"/>
      <c r="H28" s="819"/>
      <c r="I28" s="819"/>
      <c r="J28" s="819"/>
      <c r="K28" s="819"/>
      <c r="L28" s="820" t="s">
        <v>1201</v>
      </c>
      <c r="M28" s="821"/>
    </row>
    <row r="29" spans="1:13" s="336" customFormat="1" ht="57" customHeight="1" x14ac:dyDescent="0.15">
      <c r="A29" s="334"/>
      <c r="B29" s="340"/>
      <c r="C29" s="348">
        <v>10</v>
      </c>
      <c r="D29" s="351" t="s">
        <v>1475</v>
      </c>
      <c r="E29" s="350" t="s">
        <v>613</v>
      </c>
      <c r="F29" s="819" t="s">
        <v>1435</v>
      </c>
      <c r="G29" s="819"/>
      <c r="H29" s="819"/>
      <c r="I29" s="819"/>
      <c r="J29" s="819"/>
      <c r="K29" s="819"/>
      <c r="L29" s="820" t="s">
        <v>1201</v>
      </c>
      <c r="M29" s="821"/>
    </row>
    <row r="30" spans="1:13" s="336" customFormat="1" ht="71.25" customHeight="1" x14ac:dyDescent="0.15">
      <c r="A30" s="334"/>
      <c r="B30" s="340"/>
      <c r="C30" s="348">
        <v>11</v>
      </c>
      <c r="D30" s="351" t="s">
        <v>1476</v>
      </c>
      <c r="E30" s="350" t="s">
        <v>614</v>
      </c>
      <c r="F30" s="819" t="s">
        <v>1435</v>
      </c>
      <c r="G30" s="819"/>
      <c r="H30" s="819"/>
      <c r="I30" s="819"/>
      <c r="J30" s="819"/>
      <c r="K30" s="819"/>
      <c r="L30" s="820" t="s">
        <v>1201</v>
      </c>
      <c r="M30" s="821"/>
    </row>
    <row r="31" spans="1:13" s="336" customFormat="1" ht="72.75" customHeight="1" x14ac:dyDescent="0.15">
      <c r="A31" s="334"/>
      <c r="B31" s="340"/>
      <c r="C31" s="348">
        <v>12</v>
      </c>
      <c r="D31" s="351" t="s">
        <v>1477</v>
      </c>
      <c r="E31" s="350" t="s">
        <v>615</v>
      </c>
      <c r="F31" s="819" t="s">
        <v>1435</v>
      </c>
      <c r="G31" s="819"/>
      <c r="H31" s="819"/>
      <c r="I31" s="819"/>
      <c r="J31" s="819"/>
      <c r="K31" s="819"/>
      <c r="L31" s="820" t="s">
        <v>1201</v>
      </c>
      <c r="M31" s="821"/>
    </row>
    <row r="32" spans="1:13" s="336" customFormat="1" ht="18.75" customHeight="1" x14ac:dyDescent="0.15">
      <c r="A32" s="334"/>
      <c r="B32" s="340"/>
      <c r="C32" s="352"/>
      <c r="D32" s="353" t="s">
        <v>1437</v>
      </c>
      <c r="E32" s="354"/>
      <c r="F32" s="355"/>
      <c r="G32" s="355"/>
      <c r="H32" s="355"/>
      <c r="I32" s="355"/>
      <c r="J32" s="355"/>
      <c r="K32" s="355"/>
      <c r="L32" s="356"/>
      <c r="M32" s="357"/>
    </row>
    <row r="33" spans="1:13" s="336" customFormat="1" ht="18.75" customHeight="1" x14ac:dyDescent="0.15">
      <c r="A33" s="334"/>
      <c r="B33" s="340"/>
      <c r="C33" s="352"/>
      <c r="D33" s="353" t="s">
        <v>1438</v>
      </c>
      <c r="E33" s="358"/>
      <c r="F33" s="355"/>
      <c r="G33" s="355"/>
      <c r="H33" s="355"/>
      <c r="I33" s="355"/>
      <c r="J33" s="355"/>
      <c r="K33" s="355"/>
      <c r="L33" s="356"/>
      <c r="M33" s="357"/>
    </row>
    <row r="34" spans="1:13" s="336" customFormat="1" ht="18.75" customHeight="1" x14ac:dyDescent="0.15">
      <c r="A34" s="334"/>
      <c r="B34" s="340"/>
      <c r="C34" s="352"/>
      <c r="D34" s="353" t="s">
        <v>1439</v>
      </c>
      <c r="E34" s="358"/>
      <c r="F34" s="355"/>
      <c r="G34" s="355"/>
      <c r="H34" s="355"/>
      <c r="I34" s="355"/>
      <c r="J34" s="355"/>
      <c r="K34" s="355"/>
      <c r="L34" s="356"/>
      <c r="M34" s="357"/>
    </row>
    <row r="35" spans="1:13" s="336" customFormat="1" ht="18.75" customHeight="1" x14ac:dyDescent="0.15">
      <c r="A35" s="334"/>
      <c r="B35" s="340"/>
      <c r="C35" s="352"/>
      <c r="D35" s="353" t="s">
        <v>1440</v>
      </c>
      <c r="E35" s="358"/>
      <c r="F35" s="355"/>
      <c r="G35" s="355"/>
      <c r="H35" s="355"/>
      <c r="I35" s="355"/>
      <c r="J35" s="355"/>
      <c r="K35" s="355"/>
      <c r="L35" s="356"/>
      <c r="M35" s="357"/>
    </row>
    <row r="36" spans="1:13" s="336" customFormat="1" ht="18.75" customHeight="1" x14ac:dyDescent="0.15">
      <c r="A36" s="334"/>
      <c r="B36" s="340"/>
      <c r="C36" s="352"/>
      <c r="D36" s="353" t="s">
        <v>1441</v>
      </c>
      <c r="E36" s="358"/>
      <c r="F36" s="355"/>
      <c r="G36" s="359"/>
      <c r="H36" s="355"/>
      <c r="I36" s="355"/>
      <c r="J36" s="355"/>
      <c r="K36" s="355"/>
      <c r="L36" s="356"/>
      <c r="M36" s="357"/>
    </row>
    <row r="37" spans="1:13" s="336" customFormat="1" ht="18.75" customHeight="1" x14ac:dyDescent="0.15">
      <c r="A37" s="334"/>
      <c r="B37" s="340"/>
      <c r="C37" s="352"/>
      <c r="D37" s="353" t="s">
        <v>616</v>
      </c>
      <c r="E37" s="358"/>
      <c r="F37" s="355"/>
      <c r="G37" s="359"/>
      <c r="H37" s="355"/>
      <c r="I37" s="355"/>
      <c r="J37" s="355"/>
      <c r="K37" s="355"/>
      <c r="L37" s="356"/>
      <c r="M37" s="357"/>
    </row>
    <row r="38" spans="1:13" s="336" customFormat="1" ht="18.75" customHeight="1" x14ac:dyDescent="0.15">
      <c r="A38" s="334"/>
      <c r="B38" s="340"/>
      <c r="C38" s="352"/>
      <c r="D38" s="353" t="s">
        <v>1442</v>
      </c>
      <c r="E38" s="358"/>
      <c r="F38" s="355"/>
      <c r="G38" s="359"/>
      <c r="H38" s="355"/>
      <c r="I38" s="355"/>
      <c r="J38" s="355"/>
      <c r="K38" s="355"/>
      <c r="L38" s="356"/>
      <c r="M38" s="357"/>
    </row>
    <row r="39" spans="1:13" s="336" customFormat="1" x14ac:dyDescent="0.15">
      <c r="A39" s="334"/>
      <c r="B39" s="340"/>
      <c r="C39" s="352"/>
      <c r="D39" s="360"/>
      <c r="E39" s="358"/>
      <c r="F39" s="355"/>
      <c r="G39" s="359"/>
      <c r="H39" s="355"/>
      <c r="I39" s="355"/>
      <c r="J39" s="355"/>
      <c r="K39" s="355"/>
      <c r="L39" s="356"/>
      <c r="M39" s="357"/>
    </row>
    <row r="40" spans="1:13" s="336" customFormat="1" x14ac:dyDescent="0.15">
      <c r="A40" s="334"/>
      <c r="B40" s="340"/>
      <c r="C40" s="352"/>
      <c r="D40" s="360"/>
      <c r="E40" s="358"/>
      <c r="F40" s="355"/>
      <c r="G40" s="359"/>
      <c r="H40" s="355"/>
      <c r="I40" s="355"/>
      <c r="J40" s="355"/>
      <c r="K40" s="355"/>
      <c r="L40" s="356"/>
      <c r="M40" s="357"/>
    </row>
    <row r="41" spans="1:13" s="336" customFormat="1" x14ac:dyDescent="0.15">
      <c r="A41" s="334"/>
      <c r="B41" s="340"/>
      <c r="C41" s="352"/>
      <c r="D41" s="360"/>
      <c r="E41" s="358"/>
      <c r="F41" s="355"/>
      <c r="G41" s="359"/>
      <c r="H41" s="355"/>
      <c r="I41" s="355"/>
      <c r="J41" s="355"/>
      <c r="K41" s="355"/>
      <c r="L41" s="356"/>
      <c r="M41" s="357"/>
    </row>
    <row r="42" spans="1:13" s="336" customFormat="1" x14ac:dyDescent="0.15">
      <c r="A42" s="334"/>
      <c r="B42" s="340"/>
      <c r="C42" s="352"/>
      <c r="D42" s="360"/>
      <c r="E42" s="358"/>
      <c r="F42" s="355"/>
      <c r="G42" s="359"/>
      <c r="H42" s="355"/>
      <c r="I42" s="355"/>
      <c r="J42" s="355"/>
      <c r="K42" s="355"/>
      <c r="L42" s="356"/>
      <c r="M42" s="357"/>
    </row>
    <row r="43" spans="1:13" s="336" customFormat="1" x14ac:dyDescent="0.15">
      <c r="A43" s="334"/>
      <c r="B43" s="340"/>
      <c r="C43" s="352"/>
      <c r="D43" s="360"/>
      <c r="E43" s="358"/>
      <c r="F43" s="355"/>
      <c r="G43" s="359"/>
      <c r="H43" s="355"/>
      <c r="I43" s="355"/>
      <c r="J43" s="355"/>
      <c r="K43" s="355"/>
      <c r="L43" s="356"/>
      <c r="M43" s="357"/>
    </row>
    <row r="44" spans="1:13" s="336" customFormat="1" x14ac:dyDescent="0.15">
      <c r="A44" s="334"/>
      <c r="B44" s="340"/>
      <c r="C44" s="352"/>
      <c r="D44" s="360"/>
      <c r="E44" s="358"/>
      <c r="F44" s="355"/>
      <c r="G44" s="359"/>
      <c r="H44" s="355"/>
      <c r="I44" s="355"/>
      <c r="J44" s="355"/>
      <c r="K44" s="355"/>
      <c r="L44" s="356"/>
      <c r="M44" s="357"/>
    </row>
    <row r="45" spans="1:13" s="336" customFormat="1" x14ac:dyDescent="0.15">
      <c r="A45" s="334"/>
      <c r="B45" s="340"/>
      <c r="C45" s="352"/>
      <c r="D45" s="360"/>
      <c r="E45" s="358"/>
      <c r="F45" s="355"/>
      <c r="G45" s="359"/>
      <c r="H45" s="355"/>
      <c r="I45" s="355"/>
      <c r="J45" s="355"/>
      <c r="K45" s="355"/>
      <c r="L45" s="356"/>
      <c r="M45" s="357"/>
    </row>
    <row r="46" spans="1:13" s="336" customFormat="1" x14ac:dyDescent="0.15">
      <c r="A46" s="334"/>
      <c r="B46" s="340"/>
      <c r="C46" s="352"/>
      <c r="D46" s="360"/>
      <c r="E46" s="358"/>
      <c r="F46" s="355"/>
      <c r="G46" s="359"/>
      <c r="H46" s="355"/>
      <c r="I46" s="355"/>
      <c r="J46" s="355"/>
      <c r="K46" s="355"/>
      <c r="L46" s="356"/>
      <c r="M46" s="357"/>
    </row>
    <row r="47" spans="1:13" s="336" customFormat="1" x14ac:dyDescent="0.15">
      <c r="A47" s="334"/>
      <c r="B47" s="340"/>
      <c r="C47" s="352"/>
      <c r="D47" s="360"/>
      <c r="E47" s="358"/>
      <c r="F47" s="355"/>
      <c r="G47" s="359"/>
      <c r="H47" s="355"/>
      <c r="I47" s="355"/>
      <c r="J47" s="355"/>
      <c r="K47" s="355"/>
      <c r="L47" s="356"/>
      <c r="M47" s="357"/>
    </row>
    <row r="48" spans="1:13" s="336" customFormat="1" x14ac:dyDescent="0.15">
      <c r="A48" s="334"/>
      <c r="B48" s="340"/>
      <c r="C48" s="352"/>
      <c r="D48" s="360"/>
      <c r="E48" s="358"/>
      <c r="F48" s="355"/>
      <c r="G48" s="359"/>
      <c r="H48" s="355"/>
      <c r="I48" s="355"/>
      <c r="J48" s="355"/>
      <c r="K48" s="355"/>
      <c r="L48" s="356"/>
      <c r="M48" s="357"/>
    </row>
    <row r="49" spans="1:14" s="336" customFormat="1" x14ac:dyDescent="0.15">
      <c r="A49" s="334"/>
      <c r="B49" s="340"/>
      <c r="C49" s="352"/>
      <c r="D49" s="360"/>
      <c r="E49" s="358"/>
      <c r="F49" s="355"/>
      <c r="G49" s="359"/>
      <c r="H49" s="355"/>
      <c r="I49" s="355"/>
      <c r="J49" s="355"/>
      <c r="K49" s="355"/>
      <c r="L49" s="356"/>
      <c r="M49" s="357"/>
    </row>
    <row r="50" spans="1:14" ht="15" x14ac:dyDescent="0.15">
      <c r="A50" s="361"/>
      <c r="B50" s="362"/>
      <c r="C50" s="363"/>
      <c r="D50" s="363"/>
      <c r="E50" s="363"/>
      <c r="G50" s="364" t="s">
        <v>117</v>
      </c>
      <c r="I50" s="363"/>
      <c r="J50" s="363"/>
      <c r="K50" s="363"/>
      <c r="L50" s="363"/>
      <c r="M50" s="363"/>
      <c r="N50" s="37" t="s">
        <v>194</v>
      </c>
    </row>
    <row r="51" spans="1:14" s="336" customFormat="1" x14ac:dyDescent="0.15">
      <c r="A51" s="334"/>
      <c r="B51" s="340"/>
      <c r="C51" s="352"/>
      <c r="D51" s="360"/>
      <c r="E51" s="358"/>
      <c r="F51" s="355"/>
      <c r="G51" s="359"/>
      <c r="H51" s="355"/>
      <c r="I51" s="355"/>
      <c r="J51" s="355"/>
      <c r="K51" s="355"/>
      <c r="L51" s="356"/>
      <c r="M51" s="357"/>
    </row>
    <row r="52" spans="1:14" x14ac:dyDescent="0.15">
      <c r="A52" s="361"/>
      <c r="B52" s="365" t="s">
        <v>76</v>
      </c>
      <c r="N52" s="366"/>
    </row>
    <row r="53" spans="1:14" s="336" customFormat="1" ht="24" customHeight="1" x14ac:dyDescent="0.15">
      <c r="A53" s="334"/>
      <c r="B53" s="367" t="s">
        <v>1443</v>
      </c>
      <c r="C53" s="368"/>
      <c r="D53" s="369"/>
      <c r="E53" s="369"/>
      <c r="F53" s="370"/>
      <c r="G53" s="370"/>
      <c r="H53" s="370"/>
      <c r="I53" s="371"/>
      <c r="J53" s="371"/>
      <c r="K53" s="371"/>
      <c r="L53" s="371"/>
      <c r="M53" s="371"/>
    </row>
    <row r="54" spans="1:14" s="336" customFormat="1" x14ac:dyDescent="0.15">
      <c r="A54" s="334"/>
      <c r="B54" s="340"/>
      <c r="C54" s="368" t="s">
        <v>1444</v>
      </c>
      <c r="D54" s="369"/>
      <c r="E54" s="369"/>
      <c r="F54" s="370"/>
      <c r="G54" s="370"/>
      <c r="H54" s="370"/>
      <c r="I54" s="371"/>
      <c r="J54" s="371"/>
      <c r="K54" s="371"/>
      <c r="L54" s="371"/>
      <c r="M54" s="371"/>
    </row>
    <row r="55" spans="1:14" ht="26.25" customHeight="1" thickBot="1" x14ac:dyDescent="0.2">
      <c r="A55" s="324"/>
      <c r="B55" s="328"/>
      <c r="C55" s="341" t="s">
        <v>617</v>
      </c>
      <c r="D55" s="342" t="s">
        <v>1407</v>
      </c>
      <c r="E55" s="342" t="s">
        <v>618</v>
      </c>
      <c r="F55" s="831" t="s">
        <v>1408</v>
      </c>
      <c r="G55" s="826"/>
      <c r="H55" s="826"/>
      <c r="I55" s="826"/>
      <c r="J55" s="826"/>
      <c r="K55" s="827"/>
      <c r="L55" s="825" t="s">
        <v>1409</v>
      </c>
      <c r="M55" s="827"/>
    </row>
    <row r="56" spans="1:14" ht="57" customHeight="1" x14ac:dyDescent="0.15">
      <c r="A56" s="324"/>
      <c r="B56" s="328"/>
      <c r="C56" s="372">
        <v>1</v>
      </c>
      <c r="D56" s="373" t="s">
        <v>1445</v>
      </c>
      <c r="E56" s="344" t="s">
        <v>230</v>
      </c>
      <c r="F56" s="830" t="s">
        <v>619</v>
      </c>
      <c r="G56" s="830"/>
      <c r="H56" s="830"/>
      <c r="I56" s="830"/>
      <c r="J56" s="830"/>
      <c r="K56" s="830"/>
      <c r="L56" s="817" t="s">
        <v>1201</v>
      </c>
      <c r="M56" s="818"/>
    </row>
    <row r="57" spans="1:14" ht="39" customHeight="1" x14ac:dyDescent="0.15">
      <c r="A57" s="324"/>
      <c r="B57" s="328"/>
      <c r="C57" s="374">
        <v>2</v>
      </c>
      <c r="D57" s="375" t="s">
        <v>1446</v>
      </c>
      <c r="E57" s="344" t="s">
        <v>230</v>
      </c>
      <c r="F57" s="830" t="s">
        <v>1274</v>
      </c>
      <c r="G57" s="830"/>
      <c r="H57" s="830"/>
      <c r="I57" s="830"/>
      <c r="J57" s="830"/>
      <c r="K57" s="830"/>
      <c r="L57" s="820" t="s">
        <v>1201</v>
      </c>
      <c r="M57" s="821"/>
    </row>
    <row r="58" spans="1:14" ht="39" customHeight="1" x14ac:dyDescent="0.15">
      <c r="A58" s="324"/>
      <c r="B58" s="328"/>
      <c r="C58" s="376">
        <v>3</v>
      </c>
      <c r="D58" s="377" t="s">
        <v>1447</v>
      </c>
      <c r="E58" s="378" t="s">
        <v>620</v>
      </c>
      <c r="F58" s="830" t="s">
        <v>1275</v>
      </c>
      <c r="G58" s="830"/>
      <c r="H58" s="830"/>
      <c r="I58" s="830"/>
      <c r="J58" s="830"/>
      <c r="K58" s="830"/>
      <c r="L58" s="820" t="s">
        <v>1201</v>
      </c>
      <c r="M58" s="821"/>
    </row>
    <row r="59" spans="1:14" s="381" customFormat="1" ht="39" customHeight="1" x14ac:dyDescent="0.15">
      <c r="A59" s="379"/>
      <c r="B59" s="380"/>
      <c r="C59" s="374">
        <v>4</v>
      </c>
      <c r="D59" s="375" t="s">
        <v>621</v>
      </c>
      <c r="E59" s="344" t="s">
        <v>230</v>
      </c>
      <c r="F59" s="819" t="s">
        <v>619</v>
      </c>
      <c r="G59" s="819"/>
      <c r="H59" s="819"/>
      <c r="I59" s="819"/>
      <c r="J59" s="819"/>
      <c r="K59" s="819"/>
      <c r="L59" s="820" t="s">
        <v>1201</v>
      </c>
      <c r="M59" s="821"/>
    </row>
    <row r="60" spans="1:14" ht="39" customHeight="1" x14ac:dyDescent="0.15">
      <c r="A60" s="324"/>
      <c r="B60" s="328"/>
      <c r="C60" s="382">
        <v>5</v>
      </c>
      <c r="D60" s="349" t="s">
        <v>1448</v>
      </c>
      <c r="E60" s="350" t="s">
        <v>622</v>
      </c>
      <c r="F60" s="830" t="s">
        <v>619</v>
      </c>
      <c r="G60" s="830"/>
      <c r="H60" s="830"/>
      <c r="I60" s="830"/>
      <c r="J60" s="830"/>
      <c r="K60" s="830"/>
      <c r="L60" s="820" t="s">
        <v>1201</v>
      </c>
      <c r="M60" s="821"/>
    </row>
    <row r="61" spans="1:14" ht="51" customHeight="1" x14ac:dyDescent="0.15">
      <c r="A61" s="324"/>
      <c r="B61" s="328"/>
      <c r="C61" s="382">
        <v>6</v>
      </c>
      <c r="D61" s="343" t="s">
        <v>1449</v>
      </c>
      <c r="E61" s="344" t="s">
        <v>230</v>
      </c>
      <c r="F61" s="830" t="s">
        <v>619</v>
      </c>
      <c r="G61" s="830"/>
      <c r="H61" s="830"/>
      <c r="I61" s="830"/>
      <c r="J61" s="830"/>
      <c r="K61" s="830"/>
      <c r="L61" s="820" t="s">
        <v>1201</v>
      </c>
      <c r="M61" s="821"/>
    </row>
    <row r="62" spans="1:14" ht="36.75" customHeight="1" x14ac:dyDescent="0.15">
      <c r="A62" s="324"/>
      <c r="B62" s="328"/>
      <c r="C62" s="836">
        <v>7</v>
      </c>
      <c r="D62" s="838" t="s">
        <v>1450</v>
      </c>
      <c r="E62" s="842" t="s">
        <v>77</v>
      </c>
      <c r="F62" s="844" t="s">
        <v>623</v>
      </c>
      <c r="G62" s="845"/>
      <c r="H62" s="845"/>
      <c r="I62" s="845"/>
      <c r="J62" s="845"/>
      <c r="K62" s="846"/>
      <c r="L62" s="820" t="s">
        <v>1201</v>
      </c>
      <c r="M62" s="821"/>
    </row>
    <row r="63" spans="1:14" ht="33" customHeight="1" x14ac:dyDescent="0.15">
      <c r="A63" s="324"/>
      <c r="B63" s="328"/>
      <c r="C63" s="837"/>
      <c r="D63" s="839"/>
      <c r="E63" s="843"/>
      <c r="F63" s="844" t="s">
        <v>1451</v>
      </c>
      <c r="G63" s="845"/>
      <c r="H63" s="845"/>
      <c r="I63" s="845"/>
      <c r="J63" s="845"/>
      <c r="K63" s="846"/>
      <c r="L63" s="847"/>
      <c r="M63" s="848"/>
    </row>
    <row r="64" spans="1:14" ht="33" customHeight="1" x14ac:dyDescent="0.15">
      <c r="A64" s="324"/>
      <c r="B64" s="328"/>
      <c r="C64" s="783"/>
      <c r="D64" s="840"/>
      <c r="E64" s="783"/>
      <c r="F64" s="830" t="s">
        <v>1452</v>
      </c>
      <c r="G64" s="830"/>
      <c r="H64" s="830"/>
      <c r="I64" s="830"/>
      <c r="J64" s="830"/>
      <c r="K64" s="830"/>
      <c r="L64" s="832"/>
      <c r="M64" s="833"/>
    </row>
    <row r="65" spans="1:13" ht="33" customHeight="1" x14ac:dyDescent="0.15">
      <c r="A65" s="324"/>
      <c r="B65" s="328"/>
      <c r="C65" s="784"/>
      <c r="D65" s="841"/>
      <c r="E65" s="784"/>
      <c r="F65" s="830" t="s">
        <v>1453</v>
      </c>
      <c r="G65" s="830"/>
      <c r="H65" s="830"/>
      <c r="I65" s="830"/>
      <c r="J65" s="830"/>
      <c r="K65" s="830"/>
      <c r="L65" s="832"/>
      <c r="M65" s="833"/>
    </row>
    <row r="66" spans="1:13" x14ac:dyDescent="0.15">
      <c r="A66" s="324"/>
      <c r="B66" s="328"/>
      <c r="C66" s="383"/>
      <c r="D66" s="384" t="s">
        <v>1403</v>
      </c>
      <c r="E66" s="383"/>
      <c r="F66" s="385"/>
      <c r="G66" s="385"/>
      <c r="H66" s="385"/>
      <c r="I66" s="385"/>
      <c r="J66" s="385"/>
      <c r="K66" s="385"/>
      <c r="L66" s="386"/>
      <c r="M66" s="387"/>
    </row>
    <row r="67" spans="1:13" x14ac:dyDescent="0.15">
      <c r="A67" s="324"/>
      <c r="B67" s="328"/>
      <c r="C67" s="383"/>
      <c r="D67" s="388" t="s">
        <v>624</v>
      </c>
      <c r="E67" s="383"/>
      <c r="F67" s="385"/>
      <c r="G67" s="385"/>
      <c r="H67" s="385"/>
      <c r="I67" s="385"/>
      <c r="J67" s="385"/>
      <c r="K67" s="385"/>
      <c r="L67" s="386"/>
      <c r="M67" s="387"/>
    </row>
    <row r="68" spans="1:13" x14ac:dyDescent="0.15">
      <c r="A68" s="324"/>
      <c r="B68" s="328"/>
      <c r="C68" s="388"/>
      <c r="D68" s="834" t="s">
        <v>1401</v>
      </c>
      <c r="E68" s="835"/>
      <c r="F68" s="835"/>
      <c r="G68" s="835"/>
      <c r="H68" s="835"/>
      <c r="I68" s="835"/>
      <c r="J68" s="835"/>
      <c r="K68" s="835"/>
      <c r="L68" s="835"/>
      <c r="M68" s="835"/>
    </row>
    <row r="69" spans="1:13" ht="30" customHeight="1" x14ac:dyDescent="0.15">
      <c r="A69" s="324"/>
      <c r="B69" s="328"/>
      <c r="C69" s="388"/>
      <c r="D69" s="835"/>
      <c r="E69" s="835"/>
      <c r="F69" s="835"/>
      <c r="G69" s="835"/>
      <c r="H69" s="835"/>
      <c r="I69" s="835"/>
      <c r="J69" s="835"/>
      <c r="K69" s="835"/>
      <c r="L69" s="835"/>
      <c r="M69" s="835"/>
    </row>
    <row r="70" spans="1:13" x14ac:dyDescent="0.15">
      <c r="A70" s="324"/>
      <c r="B70" s="328"/>
      <c r="C70" s="388"/>
      <c r="D70" s="353" t="s">
        <v>1402</v>
      </c>
      <c r="E70" s="389"/>
      <c r="F70" s="389"/>
      <c r="G70" s="389"/>
      <c r="H70" s="389"/>
      <c r="I70" s="389"/>
      <c r="J70" s="389"/>
      <c r="K70" s="389"/>
      <c r="L70" s="389"/>
      <c r="M70" s="389"/>
    </row>
    <row r="71" spans="1:13" x14ac:dyDescent="0.15">
      <c r="A71" s="324"/>
      <c r="B71" s="328"/>
      <c r="C71" s="388"/>
      <c r="D71" s="353"/>
      <c r="E71" s="389"/>
      <c r="F71" s="389"/>
      <c r="G71" s="389"/>
      <c r="H71" s="389"/>
      <c r="I71" s="389"/>
      <c r="J71" s="389"/>
      <c r="K71" s="389"/>
      <c r="L71" s="389"/>
      <c r="M71" s="389"/>
    </row>
    <row r="72" spans="1:13" ht="24" customHeight="1" x14ac:dyDescent="0.15">
      <c r="A72" s="324"/>
      <c r="B72" s="390" t="s">
        <v>1404</v>
      </c>
      <c r="C72" s="368"/>
      <c r="D72" s="368"/>
      <c r="E72" s="368"/>
      <c r="F72" s="368"/>
      <c r="G72" s="368"/>
      <c r="H72" s="368"/>
      <c r="I72" s="368"/>
      <c r="J72" s="368"/>
      <c r="K72" s="368"/>
      <c r="L72" s="368"/>
      <c r="M72" s="368"/>
    </row>
    <row r="73" spans="1:13" ht="24" customHeight="1" x14ac:dyDescent="0.15">
      <c r="A73" s="324"/>
      <c r="B73" s="391"/>
      <c r="C73" s="853" t="s">
        <v>625</v>
      </c>
      <c r="D73" s="823"/>
      <c r="E73" s="823"/>
      <c r="F73" s="823"/>
      <c r="G73" s="823"/>
      <c r="H73" s="823"/>
      <c r="I73" s="823"/>
      <c r="J73" s="823"/>
      <c r="K73" s="823"/>
      <c r="L73" s="823"/>
      <c r="M73" s="823"/>
    </row>
    <row r="74" spans="1:13" ht="24" customHeight="1" x14ac:dyDescent="0.15">
      <c r="A74" s="324"/>
      <c r="B74" s="391"/>
      <c r="C74" s="854"/>
      <c r="D74" s="854"/>
      <c r="E74" s="854"/>
      <c r="F74" s="854"/>
      <c r="G74" s="854"/>
      <c r="H74" s="854"/>
      <c r="I74" s="854"/>
      <c r="J74" s="854"/>
      <c r="K74" s="854"/>
      <c r="L74" s="854"/>
      <c r="M74" s="854"/>
    </row>
    <row r="75" spans="1:13" ht="12.75" customHeight="1" x14ac:dyDescent="0.15">
      <c r="A75" s="324"/>
      <c r="B75" s="391"/>
      <c r="C75" s="855"/>
      <c r="D75" s="855"/>
      <c r="E75" s="855"/>
      <c r="F75" s="855"/>
      <c r="G75" s="855"/>
      <c r="H75" s="855"/>
      <c r="I75" s="855"/>
      <c r="J75" s="855"/>
      <c r="K75" s="855"/>
      <c r="L75" s="855"/>
      <c r="M75" s="855"/>
    </row>
    <row r="76" spans="1:13" ht="16.5" customHeight="1" thickBot="1" x14ac:dyDescent="0.2">
      <c r="A76" s="324"/>
      <c r="B76" s="328" t="s">
        <v>626</v>
      </c>
      <c r="C76" s="341" t="s">
        <v>627</v>
      </c>
      <c r="D76" s="826" t="s">
        <v>1410</v>
      </c>
      <c r="E76" s="826"/>
      <c r="F76" s="826"/>
      <c r="G76" s="826"/>
      <c r="H76" s="826"/>
      <c r="I76" s="826"/>
      <c r="J76" s="826"/>
      <c r="K76" s="827"/>
      <c r="L76" s="856" t="s">
        <v>1411</v>
      </c>
      <c r="M76" s="827"/>
    </row>
    <row r="77" spans="1:13" ht="33" customHeight="1" x14ac:dyDescent="0.15">
      <c r="A77" s="324"/>
      <c r="B77" s="328"/>
      <c r="C77" s="392">
        <v>1</v>
      </c>
      <c r="D77" s="857" t="s">
        <v>628</v>
      </c>
      <c r="E77" s="857"/>
      <c r="F77" s="857"/>
      <c r="G77" s="857"/>
      <c r="H77" s="857"/>
      <c r="I77" s="857"/>
      <c r="J77" s="857"/>
      <c r="K77" s="858"/>
      <c r="L77" s="859" t="s">
        <v>629</v>
      </c>
      <c r="M77" s="860"/>
    </row>
    <row r="78" spans="1:13" ht="66" customHeight="1" x14ac:dyDescent="0.15">
      <c r="A78" s="324"/>
      <c r="B78" s="328"/>
      <c r="C78" s="393">
        <v>2</v>
      </c>
      <c r="D78" s="830" t="s">
        <v>1186</v>
      </c>
      <c r="E78" s="830"/>
      <c r="F78" s="830"/>
      <c r="G78" s="830"/>
      <c r="H78" s="830"/>
      <c r="I78" s="830"/>
      <c r="J78" s="830"/>
      <c r="K78" s="830"/>
      <c r="L78" s="861" t="s">
        <v>629</v>
      </c>
      <c r="M78" s="861"/>
    </row>
    <row r="79" spans="1:13" ht="132" customHeight="1" x14ac:dyDescent="0.15">
      <c r="A79" s="324"/>
      <c r="B79" s="328"/>
      <c r="C79" s="393">
        <v>3</v>
      </c>
      <c r="D79" s="830" t="s">
        <v>1187</v>
      </c>
      <c r="E79" s="830"/>
      <c r="F79" s="830"/>
      <c r="G79" s="830"/>
      <c r="H79" s="830"/>
      <c r="I79" s="830"/>
      <c r="J79" s="830"/>
      <c r="K79" s="830"/>
      <c r="L79" s="849" t="s">
        <v>630</v>
      </c>
      <c r="M79" s="849"/>
    </row>
    <row r="80" spans="1:13" ht="20.100000000000001" customHeight="1" x14ac:dyDescent="0.15">
      <c r="A80" s="324"/>
      <c r="B80" s="328"/>
      <c r="C80" s="394"/>
      <c r="D80" s="394"/>
      <c r="E80" s="394"/>
      <c r="F80" s="394"/>
      <c r="G80" s="394"/>
      <c r="H80" s="394"/>
      <c r="I80" s="394"/>
      <c r="J80" s="394"/>
      <c r="K80" s="394"/>
      <c r="L80" s="394"/>
      <c r="M80" s="394"/>
    </row>
    <row r="81" spans="1:13" ht="20.100000000000001" customHeight="1" x14ac:dyDescent="0.15">
      <c r="A81" s="368"/>
      <c r="B81" s="390" t="s">
        <v>1405</v>
      </c>
      <c r="C81" s="394"/>
      <c r="D81" s="394"/>
      <c r="E81" s="394"/>
      <c r="F81" s="394"/>
      <c r="G81" s="394"/>
      <c r="H81" s="394"/>
      <c r="I81" s="394"/>
      <c r="J81" s="394"/>
      <c r="K81" s="394"/>
      <c r="L81" s="394"/>
      <c r="M81" s="394"/>
    </row>
    <row r="82" spans="1:13" ht="20.100000000000001" customHeight="1" x14ac:dyDescent="0.15">
      <c r="A82" s="368"/>
      <c r="B82" s="395"/>
      <c r="C82" s="394" t="s">
        <v>1406</v>
      </c>
      <c r="D82" s="394"/>
      <c r="E82" s="394"/>
      <c r="F82" s="394"/>
      <c r="G82" s="394"/>
      <c r="H82" s="394"/>
      <c r="I82" s="394"/>
      <c r="J82" s="394"/>
      <c r="K82" s="394"/>
      <c r="L82" s="394"/>
      <c r="M82" s="394"/>
    </row>
    <row r="83" spans="1:13" ht="16.5" customHeight="1" thickBot="1" x14ac:dyDescent="0.2">
      <c r="A83" s="368"/>
      <c r="B83" s="396"/>
      <c r="C83" s="341" t="s">
        <v>627</v>
      </c>
      <c r="D83" s="342" t="s">
        <v>1407</v>
      </c>
      <c r="E83" s="640" t="s">
        <v>1199</v>
      </c>
      <c r="F83" s="825" t="s">
        <v>1412</v>
      </c>
      <c r="G83" s="826"/>
      <c r="H83" s="826"/>
      <c r="I83" s="826"/>
      <c r="J83" s="826"/>
      <c r="K83" s="827"/>
      <c r="L83" s="825" t="s">
        <v>1413</v>
      </c>
      <c r="M83" s="827"/>
    </row>
    <row r="84" spans="1:13" ht="66" customHeight="1" x14ac:dyDescent="0.15">
      <c r="A84" s="368"/>
      <c r="B84" s="396"/>
      <c r="C84" s="346">
        <v>1</v>
      </c>
      <c r="D84" s="397" t="s">
        <v>1454</v>
      </c>
      <c r="E84" s="398" t="s">
        <v>631</v>
      </c>
      <c r="F84" s="850" t="s">
        <v>632</v>
      </c>
      <c r="G84" s="851"/>
      <c r="H84" s="851"/>
      <c r="I84" s="851"/>
      <c r="J84" s="851"/>
      <c r="K84" s="852"/>
      <c r="L84" s="817" t="s">
        <v>1201</v>
      </c>
      <c r="M84" s="818"/>
    </row>
    <row r="85" spans="1:13" ht="33" customHeight="1" x14ac:dyDescent="0.15">
      <c r="A85" s="368"/>
      <c r="B85" s="396"/>
      <c r="C85" s="393">
        <v>2</v>
      </c>
      <c r="D85" s="399" t="s">
        <v>1455</v>
      </c>
      <c r="E85" s="400" t="s">
        <v>633</v>
      </c>
      <c r="F85" s="850" t="s">
        <v>632</v>
      </c>
      <c r="G85" s="851"/>
      <c r="H85" s="851"/>
      <c r="I85" s="851"/>
      <c r="J85" s="851"/>
      <c r="K85" s="852"/>
      <c r="L85" s="820" t="s">
        <v>1201</v>
      </c>
      <c r="M85" s="821"/>
    </row>
    <row r="86" spans="1:13" ht="51.75" x14ac:dyDescent="0.15">
      <c r="A86" s="368"/>
      <c r="B86" s="396"/>
      <c r="C86" s="393">
        <v>3</v>
      </c>
      <c r="D86" s="401" t="s">
        <v>1456</v>
      </c>
      <c r="E86" s="398" t="s">
        <v>230</v>
      </c>
      <c r="F86" s="850" t="s">
        <v>632</v>
      </c>
      <c r="G86" s="851"/>
      <c r="H86" s="851"/>
      <c r="I86" s="851"/>
      <c r="J86" s="851"/>
      <c r="K86" s="852"/>
      <c r="L86" s="820" t="s">
        <v>1201</v>
      </c>
      <c r="M86" s="821"/>
    </row>
    <row r="87" spans="1:13" ht="33" customHeight="1" x14ac:dyDescent="0.15">
      <c r="A87" s="368"/>
      <c r="B87" s="396"/>
      <c r="C87" s="393">
        <v>4</v>
      </c>
      <c r="D87" s="399" t="s">
        <v>1457</v>
      </c>
      <c r="E87" s="400" t="s">
        <v>634</v>
      </c>
      <c r="F87" s="850" t="s">
        <v>632</v>
      </c>
      <c r="G87" s="851"/>
      <c r="H87" s="851"/>
      <c r="I87" s="851"/>
      <c r="J87" s="851"/>
      <c r="K87" s="852"/>
      <c r="L87" s="820" t="s">
        <v>1201</v>
      </c>
      <c r="M87" s="821"/>
    </row>
    <row r="88" spans="1:13" ht="33" customHeight="1" x14ac:dyDescent="0.15">
      <c r="A88" s="368"/>
      <c r="B88" s="396"/>
      <c r="C88" s="393">
        <v>5</v>
      </c>
      <c r="D88" s="399" t="s">
        <v>1458</v>
      </c>
      <c r="E88" s="400" t="s">
        <v>635</v>
      </c>
      <c r="F88" s="850" t="s">
        <v>632</v>
      </c>
      <c r="G88" s="851"/>
      <c r="H88" s="851"/>
      <c r="I88" s="851"/>
      <c r="J88" s="851"/>
      <c r="K88" s="852"/>
      <c r="L88" s="820" t="s">
        <v>1201</v>
      </c>
      <c r="M88" s="821"/>
    </row>
    <row r="89" spans="1:13" ht="33" customHeight="1" x14ac:dyDescent="0.15">
      <c r="A89" s="368"/>
      <c r="B89" s="396"/>
      <c r="C89" s="393">
        <v>6</v>
      </c>
      <c r="D89" s="399" t="s">
        <v>1459</v>
      </c>
      <c r="E89" s="400" t="s">
        <v>636</v>
      </c>
      <c r="F89" s="850" t="s">
        <v>632</v>
      </c>
      <c r="G89" s="851"/>
      <c r="H89" s="851"/>
      <c r="I89" s="851"/>
      <c r="J89" s="851"/>
      <c r="K89" s="852"/>
      <c r="L89" s="820" t="s">
        <v>1201</v>
      </c>
      <c r="M89" s="821"/>
    </row>
    <row r="90" spans="1:13" ht="33" customHeight="1" x14ac:dyDescent="0.15">
      <c r="A90" s="368"/>
      <c r="B90" s="396"/>
      <c r="C90" s="393">
        <v>7</v>
      </c>
      <c r="D90" s="402" t="s">
        <v>1460</v>
      </c>
      <c r="E90" s="400" t="s">
        <v>637</v>
      </c>
      <c r="F90" s="850" t="s">
        <v>632</v>
      </c>
      <c r="G90" s="851"/>
      <c r="H90" s="851"/>
      <c r="I90" s="851"/>
      <c r="J90" s="851"/>
      <c r="K90" s="852"/>
      <c r="L90" s="820" t="s">
        <v>1201</v>
      </c>
      <c r="M90" s="821"/>
    </row>
    <row r="91" spans="1:13" ht="42.75" customHeight="1" x14ac:dyDescent="0.15">
      <c r="A91" s="368"/>
      <c r="B91" s="396"/>
      <c r="C91" s="393">
        <v>8</v>
      </c>
      <c r="D91" s="399" t="s">
        <v>1461</v>
      </c>
      <c r="E91" s="398" t="s">
        <v>230</v>
      </c>
      <c r="F91" s="850" t="s">
        <v>632</v>
      </c>
      <c r="G91" s="851"/>
      <c r="H91" s="851"/>
      <c r="I91" s="851"/>
      <c r="J91" s="851"/>
      <c r="K91" s="852"/>
      <c r="L91" s="820" t="s">
        <v>1201</v>
      </c>
      <c r="M91" s="821"/>
    </row>
    <row r="92" spans="1:13" ht="30.75" customHeight="1" x14ac:dyDescent="0.15">
      <c r="A92" s="368"/>
      <c r="B92" s="396"/>
      <c r="C92" s="836">
        <v>9</v>
      </c>
      <c r="D92" s="876" t="s">
        <v>1462</v>
      </c>
      <c r="E92" s="878" t="s">
        <v>230</v>
      </c>
      <c r="F92" s="880" t="s">
        <v>638</v>
      </c>
      <c r="G92" s="881"/>
      <c r="H92" s="881"/>
      <c r="I92" s="881"/>
      <c r="J92" s="881"/>
      <c r="K92" s="882"/>
      <c r="L92" s="820" t="s">
        <v>1201</v>
      </c>
      <c r="M92" s="821"/>
    </row>
    <row r="93" spans="1:13" ht="39" customHeight="1" x14ac:dyDescent="0.15">
      <c r="A93" s="368"/>
      <c r="B93" s="396"/>
      <c r="C93" s="875"/>
      <c r="D93" s="877"/>
      <c r="E93" s="879"/>
      <c r="F93" s="883" t="s">
        <v>1259</v>
      </c>
      <c r="G93" s="884"/>
      <c r="H93" s="884"/>
      <c r="I93" s="884"/>
      <c r="J93" s="884"/>
      <c r="K93" s="885"/>
      <c r="L93" s="862"/>
      <c r="M93" s="863"/>
    </row>
    <row r="94" spans="1:13" s="361" customFormat="1" ht="66" customHeight="1" x14ac:dyDescent="0.15">
      <c r="A94" s="368"/>
      <c r="B94" s="396"/>
      <c r="C94" s="393">
        <v>10</v>
      </c>
      <c r="D94" s="505" t="s">
        <v>1463</v>
      </c>
      <c r="E94" s="400" t="s">
        <v>639</v>
      </c>
      <c r="F94" s="850" t="s">
        <v>632</v>
      </c>
      <c r="G94" s="851"/>
      <c r="H94" s="851"/>
      <c r="I94" s="851"/>
      <c r="J94" s="851"/>
      <c r="K94" s="852"/>
      <c r="L94" s="820" t="s">
        <v>1201</v>
      </c>
      <c r="M94" s="821"/>
    </row>
    <row r="95" spans="1:13" ht="18.75" customHeight="1" x14ac:dyDescent="0.15">
      <c r="A95" s="368"/>
      <c r="B95" s="396"/>
      <c r="C95" s="403"/>
      <c r="D95" s="353" t="s">
        <v>1442</v>
      </c>
      <c r="E95" s="358"/>
      <c r="F95" s="404"/>
      <c r="G95" s="404"/>
      <c r="H95" s="404"/>
      <c r="I95" s="404"/>
      <c r="J95" s="404"/>
      <c r="K95" s="404"/>
      <c r="L95" s="361"/>
      <c r="M95" s="361"/>
    </row>
    <row r="96" spans="1:13" ht="33.4" customHeight="1" x14ac:dyDescent="0.15">
      <c r="A96" s="368"/>
      <c r="B96" s="396"/>
      <c r="C96" s="403"/>
      <c r="D96" s="834" t="s">
        <v>1276</v>
      </c>
      <c r="E96" s="834"/>
      <c r="F96" s="834"/>
      <c r="G96" s="834"/>
      <c r="H96" s="834"/>
      <c r="I96" s="834"/>
      <c r="J96" s="834"/>
      <c r="K96" s="834"/>
      <c r="L96" s="834"/>
      <c r="M96" s="834"/>
    </row>
    <row r="97" spans="1:13" ht="29.25" customHeight="1" x14ac:dyDescent="0.15">
      <c r="A97" s="368"/>
      <c r="B97" s="396"/>
      <c r="C97" s="394"/>
      <c r="D97" s="864" t="s">
        <v>1373</v>
      </c>
      <c r="E97" s="864"/>
      <c r="F97" s="864"/>
      <c r="G97" s="864"/>
      <c r="H97" s="864"/>
      <c r="I97" s="864"/>
      <c r="J97" s="864"/>
      <c r="K97" s="864"/>
      <c r="L97" s="864"/>
      <c r="M97" s="394"/>
    </row>
    <row r="98" spans="1:13" s="408" customFormat="1" ht="24" hidden="1" customHeight="1" x14ac:dyDescent="0.15">
      <c r="A98" s="379"/>
      <c r="B98" s="405" t="s">
        <v>640</v>
      </c>
      <c r="C98" s="406"/>
      <c r="D98" s="407"/>
      <c r="E98" s="407"/>
      <c r="F98" s="407"/>
      <c r="G98" s="407"/>
      <c r="H98" s="407"/>
      <c r="I98" s="407"/>
      <c r="J98" s="407"/>
      <c r="K98" s="407"/>
      <c r="L98" s="407"/>
      <c r="M98" s="407"/>
    </row>
    <row r="99" spans="1:13" s="408" customFormat="1" ht="24" hidden="1" customHeight="1" x14ac:dyDescent="0.15">
      <c r="A99" s="379"/>
      <c r="B99" s="405"/>
      <c r="C99" s="407"/>
      <c r="D99" s="407"/>
      <c r="E99" s="407"/>
      <c r="F99" s="407"/>
      <c r="G99" s="407"/>
      <c r="H99" s="407"/>
      <c r="I99" s="407"/>
      <c r="J99" s="407"/>
      <c r="K99" s="407"/>
      <c r="L99" s="407"/>
      <c r="M99" s="407"/>
    </row>
    <row r="100" spans="1:13" s="408" customFormat="1" ht="32.25" hidden="1" customHeight="1" x14ac:dyDescent="0.15">
      <c r="A100" s="409"/>
      <c r="B100" s="410"/>
      <c r="C100" s="379"/>
      <c r="D100" s="379"/>
      <c r="E100" s="379"/>
      <c r="F100" s="379"/>
      <c r="G100" s="379"/>
      <c r="H100" s="379"/>
      <c r="I100" s="379"/>
      <c r="J100" s="379"/>
      <c r="K100" s="379"/>
      <c r="L100" s="379"/>
      <c r="M100" s="379"/>
    </row>
    <row r="101" spans="1:13" s="408" customFormat="1" ht="12" hidden="1" customHeight="1" thickBot="1" x14ac:dyDescent="0.2">
      <c r="A101" s="409"/>
      <c r="B101" s="411"/>
      <c r="C101" s="412" t="s">
        <v>617</v>
      </c>
      <c r="D101" s="865" t="s">
        <v>641</v>
      </c>
      <c r="E101" s="865"/>
      <c r="F101" s="866"/>
      <c r="G101" s="866"/>
      <c r="H101" s="866"/>
      <c r="I101" s="866"/>
      <c r="J101" s="866"/>
      <c r="K101" s="867"/>
      <c r="L101" s="868" t="s">
        <v>642</v>
      </c>
      <c r="M101" s="867"/>
    </row>
    <row r="102" spans="1:13" s="416" customFormat="1" ht="27.75" hidden="1" customHeight="1" x14ac:dyDescent="0.15">
      <c r="A102" s="413"/>
      <c r="B102" s="414"/>
      <c r="C102" s="415">
        <v>1</v>
      </c>
      <c r="D102" s="892" t="s">
        <v>643</v>
      </c>
      <c r="E102" s="892"/>
      <c r="F102" s="892"/>
      <c r="G102" s="892"/>
      <c r="H102" s="892"/>
      <c r="I102" s="892"/>
      <c r="J102" s="892"/>
      <c r="K102" s="893"/>
      <c r="L102" s="894" t="s">
        <v>644</v>
      </c>
      <c r="M102" s="894"/>
    </row>
    <row r="103" spans="1:13" s="416" customFormat="1" ht="28.5" hidden="1" customHeight="1" x14ac:dyDescent="0.15">
      <c r="A103" s="413"/>
      <c r="B103" s="414"/>
      <c r="C103" s="417"/>
      <c r="D103" s="418"/>
      <c r="E103" s="418"/>
      <c r="F103" s="418"/>
      <c r="G103" s="418"/>
      <c r="H103" s="418"/>
      <c r="I103" s="418"/>
      <c r="J103" s="418"/>
      <c r="K103" s="418"/>
      <c r="L103" s="419"/>
      <c r="M103" s="419"/>
    </row>
    <row r="104" spans="1:13" s="416" customFormat="1" ht="5.0999999999999996" hidden="1" customHeight="1" x14ac:dyDescent="0.15">
      <c r="A104" s="413"/>
      <c r="B104" s="414"/>
      <c r="C104" s="417"/>
      <c r="D104" s="418"/>
      <c r="E104" s="418"/>
      <c r="F104" s="418"/>
      <c r="G104" s="418"/>
      <c r="H104" s="418"/>
      <c r="I104" s="418"/>
      <c r="J104" s="418"/>
      <c r="K104" s="418"/>
      <c r="L104" s="420"/>
      <c r="M104" s="420"/>
    </row>
    <row r="105" spans="1:13" s="416" customFormat="1" ht="12" hidden="1" customHeight="1" x14ac:dyDescent="0.15">
      <c r="A105" s="413"/>
      <c r="B105" s="414"/>
      <c r="C105" s="895" t="s">
        <v>645</v>
      </c>
      <c r="D105" s="895"/>
      <c r="E105" s="895"/>
      <c r="F105" s="895"/>
      <c r="G105" s="895"/>
      <c r="H105" s="895"/>
      <c r="I105" s="895"/>
      <c r="J105" s="895"/>
      <c r="K105" s="895"/>
      <c r="L105" s="895"/>
      <c r="M105" s="895"/>
    </row>
    <row r="106" spans="1:13" s="416" customFormat="1" ht="27.75" hidden="1" customHeight="1" x14ac:dyDescent="0.15">
      <c r="A106" s="413"/>
      <c r="B106" s="421"/>
      <c r="C106" s="896" t="s">
        <v>646</v>
      </c>
      <c r="D106" s="897"/>
      <c r="E106" s="897"/>
      <c r="F106" s="898"/>
      <c r="G106" s="902" t="s">
        <v>647</v>
      </c>
      <c r="H106" s="903"/>
      <c r="I106" s="422" t="s">
        <v>648</v>
      </c>
      <c r="J106" s="906" t="s">
        <v>649</v>
      </c>
      <c r="K106" s="908" t="s">
        <v>650</v>
      </c>
      <c r="L106" s="908"/>
      <c r="M106" s="908"/>
    </row>
    <row r="107" spans="1:13" s="416" customFormat="1" ht="30" hidden="1" customHeight="1" thickBot="1" x14ac:dyDescent="0.2">
      <c r="A107" s="413"/>
      <c r="B107" s="414"/>
      <c r="C107" s="899"/>
      <c r="D107" s="900"/>
      <c r="E107" s="900"/>
      <c r="F107" s="901"/>
      <c r="G107" s="904"/>
      <c r="H107" s="905"/>
      <c r="I107" s="423" t="s">
        <v>651</v>
      </c>
      <c r="J107" s="907"/>
      <c r="K107" s="909"/>
      <c r="L107" s="909"/>
      <c r="M107" s="909"/>
    </row>
    <row r="108" spans="1:13" s="416" customFormat="1" ht="15.75" hidden="1" customHeight="1" x14ac:dyDescent="0.15">
      <c r="A108" s="413"/>
      <c r="B108" s="414"/>
      <c r="C108" s="869" t="s">
        <v>652</v>
      </c>
      <c r="D108" s="870"/>
      <c r="E108" s="870"/>
      <c r="F108" s="871"/>
      <c r="G108" s="872" t="s">
        <v>653</v>
      </c>
      <c r="H108" s="873"/>
      <c r="I108" s="424"/>
      <c r="J108" s="424"/>
      <c r="K108" s="874"/>
      <c r="L108" s="874"/>
      <c r="M108" s="874"/>
    </row>
    <row r="109" spans="1:13" s="416" customFormat="1" ht="30" hidden="1" customHeight="1" x14ac:dyDescent="0.15">
      <c r="A109" s="413"/>
      <c r="B109" s="414"/>
      <c r="C109" s="886" t="s">
        <v>654</v>
      </c>
      <c r="D109" s="887"/>
      <c r="E109" s="887"/>
      <c r="F109" s="888"/>
      <c r="G109" s="889" t="s">
        <v>655</v>
      </c>
      <c r="H109" s="890"/>
      <c r="I109" s="425"/>
      <c r="J109" s="425"/>
      <c r="K109" s="891"/>
      <c r="L109" s="891"/>
      <c r="M109" s="891"/>
    </row>
    <row r="110" spans="1:13" s="416" customFormat="1" ht="30" hidden="1" customHeight="1" x14ac:dyDescent="0.15">
      <c r="A110" s="413"/>
      <c r="B110" s="414"/>
      <c r="C110" s="426"/>
      <c r="D110" s="427"/>
      <c r="E110" s="427"/>
      <c r="F110" s="413"/>
      <c r="G110" s="413"/>
      <c r="H110" s="413"/>
      <c r="I110" s="413"/>
      <c r="J110" s="413"/>
      <c r="K110" s="413"/>
      <c r="L110" s="413"/>
      <c r="M110" s="413"/>
    </row>
    <row r="111" spans="1:13" s="416" customFormat="1" ht="10.5" hidden="1" customHeight="1" x14ac:dyDescent="0.15">
      <c r="A111" s="413"/>
      <c r="B111" s="414"/>
      <c r="C111" s="428" t="s">
        <v>656</v>
      </c>
    </row>
    <row r="112" spans="1:13" s="416" customFormat="1" ht="15" hidden="1" customHeight="1" x14ac:dyDescent="0.15">
      <c r="B112" s="429"/>
      <c r="C112" s="430"/>
      <c r="D112" s="361"/>
      <c r="E112" s="361"/>
      <c r="F112" s="361"/>
      <c r="G112" s="361"/>
      <c r="H112" s="361"/>
      <c r="I112" s="361"/>
      <c r="J112" s="361"/>
      <c r="K112" s="361"/>
      <c r="L112" s="361"/>
      <c r="M112" s="361"/>
    </row>
    <row r="113" spans="1:18" s="431" customFormat="1" ht="3.75" customHeight="1" x14ac:dyDescent="0.15">
      <c r="B113" s="432"/>
      <c r="C113" s="433"/>
    </row>
    <row r="114" spans="1:18" s="361" customFormat="1" ht="15" customHeight="1" x14ac:dyDescent="0.15">
      <c r="B114" s="362"/>
      <c r="C114" s="430"/>
    </row>
    <row r="115" spans="1:18" s="361" customFormat="1" ht="15" customHeight="1" x14ac:dyDescent="0.15">
      <c r="B115" s="362"/>
      <c r="C115" s="366" t="s">
        <v>657</v>
      </c>
      <c r="D115" s="922"/>
      <c r="E115" s="922"/>
      <c r="F115" s="922"/>
      <c r="G115" s="922"/>
      <c r="H115" s="366" t="s">
        <v>658</v>
      </c>
      <c r="I115" s="922"/>
      <c r="J115" s="922"/>
      <c r="K115" s="922"/>
      <c r="L115" s="922"/>
      <c r="M115" s="922"/>
    </row>
    <row r="116" spans="1:18" s="361" customFormat="1" ht="15" customHeight="1" x14ac:dyDescent="0.2">
      <c r="B116" s="434"/>
      <c r="C116" s="435" t="s">
        <v>659</v>
      </c>
      <c r="D116" s="923"/>
      <c r="E116" s="923"/>
      <c r="F116" s="923"/>
      <c r="G116" s="923"/>
      <c r="H116" s="435" t="s">
        <v>660</v>
      </c>
      <c r="I116" s="923"/>
      <c r="J116" s="923"/>
      <c r="K116" s="923"/>
      <c r="L116" s="923"/>
      <c r="M116" s="923"/>
    </row>
    <row r="117" spans="1:18" s="361" customFormat="1" ht="15" customHeight="1" x14ac:dyDescent="0.15">
      <c r="B117" s="362"/>
    </row>
    <row r="118" spans="1:18" s="361" customFormat="1" ht="15" customHeight="1" x14ac:dyDescent="0.15">
      <c r="B118" s="362"/>
      <c r="C118" s="366" t="s">
        <v>661</v>
      </c>
      <c r="D118" s="922"/>
      <c r="E118" s="922"/>
      <c r="F118" s="922"/>
      <c r="G118" s="922"/>
      <c r="H118" s="366" t="s">
        <v>661</v>
      </c>
      <c r="I118" s="922"/>
      <c r="J118" s="922"/>
      <c r="K118" s="922"/>
      <c r="L118" s="922"/>
      <c r="M118" s="922"/>
    </row>
    <row r="119" spans="1:18" s="361" customFormat="1" ht="15" customHeight="1" x14ac:dyDescent="0.2">
      <c r="B119" s="362"/>
      <c r="C119" s="435" t="s">
        <v>662</v>
      </c>
      <c r="D119" s="923"/>
      <c r="E119" s="923"/>
      <c r="F119" s="923"/>
      <c r="G119" s="923"/>
      <c r="H119" s="435" t="s">
        <v>662</v>
      </c>
      <c r="I119" s="923"/>
      <c r="J119" s="923"/>
      <c r="K119" s="923"/>
      <c r="L119" s="923"/>
      <c r="M119" s="923"/>
    </row>
    <row r="120" spans="1:18" s="361" customFormat="1" ht="15" customHeight="1" x14ac:dyDescent="0.15">
      <c r="B120" s="362"/>
      <c r="C120" s="436"/>
    </row>
    <row r="121" spans="1:18" s="361" customFormat="1" ht="15" customHeight="1" x14ac:dyDescent="0.15">
      <c r="B121" s="362"/>
      <c r="C121" s="436"/>
    </row>
    <row r="122" spans="1:18" s="361" customFormat="1" ht="16.5" customHeight="1" x14ac:dyDescent="0.15">
      <c r="A122" s="924" t="s">
        <v>118</v>
      </c>
      <c r="B122" s="924"/>
      <c r="C122" s="924"/>
      <c r="D122" s="924"/>
      <c r="E122" s="924"/>
      <c r="F122" s="924"/>
      <c r="G122" s="924"/>
      <c r="H122" s="924"/>
      <c r="I122" s="924"/>
      <c r="J122" s="924"/>
      <c r="K122" s="924"/>
      <c r="L122" s="924"/>
      <c r="M122" s="924"/>
    </row>
    <row r="124" spans="1:18" ht="15.75" thickBot="1" x14ac:dyDescent="0.2">
      <c r="A124" s="18"/>
      <c r="B124" s="174" t="s">
        <v>663</v>
      </c>
      <c r="C124" s="228"/>
      <c r="D124" s="437"/>
      <c r="E124" s="228"/>
      <c r="F124" s="229"/>
      <c r="G124" s="230"/>
      <c r="H124" s="180"/>
      <c r="I124" s="180"/>
      <c r="J124" s="180"/>
      <c r="K124" s="77"/>
      <c r="L124" s="77"/>
      <c r="M124" s="77"/>
      <c r="N124" s="77"/>
      <c r="O124" s="77"/>
      <c r="P124" s="77"/>
    </row>
    <row r="125" spans="1:18" x14ac:dyDescent="0.15">
      <c r="A125" s="18"/>
      <c r="B125" s="925" t="s">
        <v>12</v>
      </c>
      <c r="C125" s="927" t="s">
        <v>664</v>
      </c>
      <c r="D125" s="928"/>
      <c r="E125" s="927" t="s">
        <v>665</v>
      </c>
      <c r="F125" s="928"/>
      <c r="G125" s="928"/>
      <c r="H125" s="928"/>
      <c r="I125" s="931"/>
      <c r="J125" s="934" t="s">
        <v>666</v>
      </c>
      <c r="K125" s="438"/>
      <c r="L125" s="77"/>
      <c r="M125" s="77"/>
      <c r="N125" s="77"/>
      <c r="O125" s="77"/>
      <c r="P125" s="77"/>
      <c r="Q125" s="77"/>
      <c r="R125" s="77"/>
    </row>
    <row r="126" spans="1:18" ht="15" thickBot="1" x14ac:dyDescent="0.2">
      <c r="A126" s="18"/>
      <c r="B126" s="926"/>
      <c r="C126" s="929"/>
      <c r="D126" s="930"/>
      <c r="E126" s="932"/>
      <c r="F126" s="930"/>
      <c r="G126" s="930"/>
      <c r="H126" s="930"/>
      <c r="I126" s="933"/>
      <c r="J126" s="935"/>
      <c r="K126" s="438"/>
      <c r="L126" s="77"/>
      <c r="M126" s="77"/>
      <c r="N126" s="77"/>
      <c r="O126" s="77"/>
      <c r="P126" s="77"/>
      <c r="Q126" s="77"/>
      <c r="R126" s="77"/>
    </row>
    <row r="127" spans="1:18" ht="15.95" customHeight="1" thickBot="1" x14ac:dyDescent="0.2">
      <c r="A127" s="18"/>
      <c r="B127" s="439">
        <v>1</v>
      </c>
      <c r="C127" s="910" t="s">
        <v>667</v>
      </c>
      <c r="D127" s="911"/>
      <c r="E127" s="916" t="s">
        <v>668</v>
      </c>
      <c r="F127" s="917"/>
      <c r="G127" s="917"/>
      <c r="H127" s="917"/>
      <c r="I127" s="918"/>
      <c r="J127" s="440" t="s">
        <v>669</v>
      </c>
      <c r="K127" s="438"/>
      <c r="L127" s="77"/>
      <c r="M127" s="77"/>
      <c r="N127" s="77"/>
      <c r="O127" s="77"/>
      <c r="P127" s="77"/>
      <c r="Q127" s="77"/>
      <c r="R127" s="77"/>
    </row>
    <row r="128" spans="1:18" ht="15.95" customHeight="1" thickBot="1" x14ac:dyDescent="0.2">
      <c r="A128" s="18"/>
      <c r="B128" s="439">
        <v>2</v>
      </c>
      <c r="C128" s="912"/>
      <c r="D128" s="913"/>
      <c r="E128" s="916" t="s">
        <v>670</v>
      </c>
      <c r="F128" s="917"/>
      <c r="G128" s="917"/>
      <c r="H128" s="917"/>
      <c r="I128" s="918"/>
      <c r="J128" s="440" t="s">
        <v>671</v>
      </c>
      <c r="K128" s="438"/>
      <c r="L128" s="77"/>
      <c r="M128" s="77"/>
      <c r="N128" s="77"/>
      <c r="O128" s="77"/>
      <c r="P128" s="77"/>
      <c r="Q128" s="77"/>
      <c r="R128" s="77"/>
    </row>
    <row r="129" spans="1:18" ht="15.95" customHeight="1" thickBot="1" x14ac:dyDescent="0.2">
      <c r="A129" s="18"/>
      <c r="B129" s="439">
        <v>3</v>
      </c>
      <c r="C129" s="914"/>
      <c r="D129" s="915"/>
      <c r="E129" s="916" t="s">
        <v>672</v>
      </c>
      <c r="F129" s="917"/>
      <c r="G129" s="917"/>
      <c r="H129" s="917"/>
      <c r="I129" s="918"/>
      <c r="J129" s="440" t="s">
        <v>673</v>
      </c>
      <c r="K129" s="438"/>
      <c r="L129" s="77"/>
      <c r="M129" s="77"/>
      <c r="N129" s="77"/>
      <c r="O129" s="77"/>
      <c r="P129" s="77"/>
      <c r="Q129" s="77"/>
      <c r="R129" s="77"/>
    </row>
    <row r="130" spans="1:18" ht="15.95" customHeight="1" thickBot="1" x14ac:dyDescent="0.2">
      <c r="A130" s="18"/>
      <c r="B130" s="439">
        <v>4</v>
      </c>
      <c r="C130" s="910" t="s">
        <v>674</v>
      </c>
      <c r="D130" s="919"/>
      <c r="E130" s="916" t="s">
        <v>675</v>
      </c>
      <c r="F130" s="917"/>
      <c r="G130" s="917"/>
      <c r="H130" s="917"/>
      <c r="I130" s="918"/>
      <c r="J130" s="440" t="s">
        <v>676</v>
      </c>
      <c r="K130" s="438"/>
      <c r="L130" s="77"/>
      <c r="M130" s="77"/>
      <c r="N130" s="77"/>
      <c r="O130" s="77"/>
      <c r="P130" s="77"/>
      <c r="Q130" s="77"/>
      <c r="R130" s="77"/>
    </row>
    <row r="131" spans="1:18" ht="15.95" customHeight="1" thickBot="1" x14ac:dyDescent="0.2">
      <c r="A131" s="18"/>
      <c r="B131" s="439">
        <v>5</v>
      </c>
      <c r="C131" s="920"/>
      <c r="D131" s="921"/>
      <c r="E131" s="916" t="s">
        <v>677</v>
      </c>
      <c r="F131" s="917"/>
      <c r="G131" s="917"/>
      <c r="H131" s="917"/>
      <c r="I131" s="918"/>
      <c r="J131" s="440" t="s">
        <v>678</v>
      </c>
      <c r="K131" s="438"/>
      <c r="L131" s="77"/>
      <c r="M131" s="77"/>
      <c r="N131" s="77"/>
      <c r="O131" s="77"/>
      <c r="P131" s="77"/>
      <c r="Q131" s="77"/>
      <c r="R131" s="77"/>
    </row>
    <row r="132" spans="1:18" ht="42.75" customHeight="1" thickBot="1" x14ac:dyDescent="0.2">
      <c r="A132" s="18"/>
      <c r="B132" s="439">
        <v>6</v>
      </c>
      <c r="C132" s="936" t="s">
        <v>679</v>
      </c>
      <c r="D132" s="921"/>
      <c r="E132" s="916" t="s">
        <v>680</v>
      </c>
      <c r="F132" s="917"/>
      <c r="G132" s="917"/>
      <c r="H132" s="917"/>
      <c r="I132" s="918"/>
      <c r="J132" s="440" t="s">
        <v>681</v>
      </c>
      <c r="K132" s="438"/>
      <c r="L132" s="77"/>
      <c r="M132" s="77"/>
      <c r="N132" s="77"/>
      <c r="O132" s="77"/>
      <c r="P132" s="77"/>
      <c r="Q132" s="77"/>
      <c r="R132" s="77"/>
    </row>
    <row r="133" spans="1:18" ht="15.95" customHeight="1" thickBot="1" x14ac:dyDescent="0.2">
      <c r="A133" s="18"/>
      <c r="B133" s="439">
        <v>7</v>
      </c>
      <c r="C133" s="916" t="s">
        <v>682</v>
      </c>
      <c r="D133" s="918"/>
      <c r="E133" s="916" t="s">
        <v>683</v>
      </c>
      <c r="F133" s="917"/>
      <c r="G133" s="917"/>
      <c r="H133" s="441"/>
      <c r="I133" s="442"/>
      <c r="J133" s="440" t="s">
        <v>684</v>
      </c>
      <c r="K133" s="443"/>
      <c r="L133" s="444"/>
      <c r="M133" s="438"/>
      <c r="N133" s="77"/>
      <c r="O133" s="77"/>
      <c r="P133" s="77"/>
      <c r="Q133" s="77"/>
      <c r="R133" s="77"/>
    </row>
    <row r="134" spans="1:18" ht="15.95" customHeight="1" thickBot="1" x14ac:dyDescent="0.2">
      <c r="A134" s="18"/>
      <c r="B134" s="439">
        <v>8</v>
      </c>
      <c r="C134" s="910" t="s">
        <v>685</v>
      </c>
      <c r="D134" s="911"/>
      <c r="E134" s="916" t="s">
        <v>686</v>
      </c>
      <c r="F134" s="917"/>
      <c r="G134" s="917"/>
      <c r="H134" s="445"/>
      <c r="I134" s="442"/>
      <c r="J134" s="440" t="s">
        <v>687</v>
      </c>
      <c r="K134" s="443"/>
      <c r="L134" s="444"/>
      <c r="M134" s="438"/>
      <c r="N134" s="77"/>
      <c r="O134" s="77"/>
      <c r="P134" s="77"/>
      <c r="Q134" s="77"/>
      <c r="R134" s="77"/>
    </row>
    <row r="135" spans="1:18" ht="33" customHeight="1" thickBot="1" x14ac:dyDescent="0.2">
      <c r="A135" s="18"/>
      <c r="B135" s="439">
        <v>9</v>
      </c>
      <c r="C135" s="914"/>
      <c r="D135" s="915"/>
      <c r="E135" s="916" t="s">
        <v>688</v>
      </c>
      <c r="F135" s="917"/>
      <c r="G135" s="917"/>
      <c r="H135" s="917"/>
      <c r="I135" s="918"/>
      <c r="J135" s="440" t="s">
        <v>689</v>
      </c>
      <c r="K135" s="443"/>
      <c r="L135" s="444"/>
      <c r="M135" s="438"/>
      <c r="N135" s="77"/>
      <c r="O135" s="77"/>
      <c r="P135" s="77"/>
      <c r="Q135" s="77"/>
      <c r="R135" s="77"/>
    </row>
    <row r="136" spans="1:18" ht="15.95" customHeight="1" thickBot="1" x14ac:dyDescent="0.2">
      <c r="A136" s="18"/>
      <c r="B136" s="439">
        <v>10</v>
      </c>
      <c r="C136" s="916" t="s">
        <v>690</v>
      </c>
      <c r="D136" s="918"/>
      <c r="E136" s="916" t="s">
        <v>691</v>
      </c>
      <c r="F136" s="917"/>
      <c r="G136" s="917"/>
      <c r="H136" s="445"/>
      <c r="I136" s="442"/>
      <c r="J136" s="440" t="s">
        <v>692</v>
      </c>
      <c r="K136" s="443"/>
      <c r="L136" s="444"/>
      <c r="M136" s="438"/>
      <c r="N136" s="77"/>
      <c r="O136" s="77"/>
      <c r="P136" s="77"/>
      <c r="Q136" s="77"/>
      <c r="R136" s="77"/>
    </row>
    <row r="137" spans="1:18" ht="32.1" customHeight="1" thickBot="1" x14ac:dyDescent="0.2">
      <c r="A137" s="18"/>
      <c r="B137" s="439">
        <v>11</v>
      </c>
      <c r="C137" s="910" t="s">
        <v>693</v>
      </c>
      <c r="D137" s="911"/>
      <c r="E137" s="916" t="s">
        <v>694</v>
      </c>
      <c r="F137" s="917"/>
      <c r="G137" s="917"/>
      <c r="H137" s="917"/>
      <c r="I137" s="918"/>
      <c r="J137" s="440" t="s">
        <v>695</v>
      </c>
      <c r="K137" s="443"/>
      <c r="L137" s="444"/>
      <c r="M137" s="438"/>
      <c r="N137" s="77"/>
      <c r="O137" s="77"/>
      <c r="P137" s="77"/>
      <c r="Q137" s="77"/>
      <c r="R137" s="77"/>
    </row>
    <row r="138" spans="1:18" ht="15.95" customHeight="1" thickBot="1" x14ac:dyDescent="0.2">
      <c r="A138" s="18"/>
      <c r="B138" s="439">
        <v>12</v>
      </c>
      <c r="C138" s="914"/>
      <c r="D138" s="915"/>
      <c r="E138" s="916" t="s">
        <v>696</v>
      </c>
      <c r="F138" s="917"/>
      <c r="G138" s="917"/>
      <c r="H138" s="445"/>
      <c r="I138" s="442"/>
      <c r="J138" s="440" t="s">
        <v>697</v>
      </c>
      <c r="K138" s="443"/>
      <c r="L138" s="444"/>
      <c r="M138" s="438"/>
      <c r="N138" s="77"/>
      <c r="O138" s="77"/>
      <c r="P138" s="77"/>
      <c r="Q138" s="77"/>
      <c r="R138" s="77"/>
    </row>
    <row r="139" spans="1:18" ht="15.95" customHeight="1" thickBot="1" x14ac:dyDescent="0.2">
      <c r="A139" s="18"/>
      <c r="B139" s="439">
        <v>13</v>
      </c>
      <c r="C139" s="916" t="s">
        <v>698</v>
      </c>
      <c r="D139" s="918"/>
      <c r="E139" s="916" t="s">
        <v>699</v>
      </c>
      <c r="F139" s="917"/>
      <c r="G139" s="917"/>
      <c r="H139" s="445"/>
      <c r="I139" s="442"/>
      <c r="J139" s="440" t="s">
        <v>700</v>
      </c>
      <c r="K139" s="443"/>
      <c r="L139" s="444"/>
      <c r="M139" s="438"/>
      <c r="N139" s="77"/>
      <c r="O139" s="77"/>
      <c r="P139" s="77"/>
      <c r="Q139" s="77"/>
      <c r="R139" s="77"/>
    </row>
    <row r="140" spans="1:18" ht="15.95" customHeight="1" thickBot="1" x14ac:dyDescent="0.2">
      <c r="A140" s="18"/>
      <c r="B140" s="439">
        <v>14</v>
      </c>
      <c r="C140" s="910" t="s">
        <v>701</v>
      </c>
      <c r="D140" s="911"/>
      <c r="E140" s="916" t="s">
        <v>702</v>
      </c>
      <c r="F140" s="917"/>
      <c r="G140" s="917"/>
      <c r="H140" s="445"/>
      <c r="I140" s="442"/>
      <c r="J140" s="440" t="s">
        <v>703</v>
      </c>
      <c r="K140" s="443"/>
      <c r="L140" s="444"/>
      <c r="M140" s="438"/>
      <c r="N140" s="77"/>
      <c r="O140" s="77"/>
      <c r="P140" s="77"/>
      <c r="Q140" s="77"/>
      <c r="R140" s="77"/>
    </row>
    <row r="141" spans="1:18" ht="15.95" customHeight="1" thickBot="1" x14ac:dyDescent="0.2">
      <c r="A141" s="18"/>
      <c r="B141" s="439">
        <v>15</v>
      </c>
      <c r="C141" s="912"/>
      <c r="D141" s="913"/>
      <c r="E141" s="916" t="s">
        <v>704</v>
      </c>
      <c r="F141" s="917"/>
      <c r="G141" s="917"/>
      <c r="H141" s="445"/>
      <c r="I141" s="442"/>
      <c r="J141" s="440" t="s">
        <v>705</v>
      </c>
      <c r="K141" s="443"/>
      <c r="L141" s="444"/>
      <c r="M141" s="438"/>
      <c r="N141" s="77"/>
      <c r="O141" s="77"/>
      <c r="P141" s="77"/>
      <c r="Q141" s="77"/>
      <c r="R141" s="77"/>
    </row>
    <row r="142" spans="1:18" ht="15.95" customHeight="1" thickBot="1" x14ac:dyDescent="0.2">
      <c r="A142" s="18"/>
      <c r="B142" s="439">
        <v>16</v>
      </c>
      <c r="C142" s="912"/>
      <c r="D142" s="913"/>
      <c r="E142" s="916" t="s">
        <v>706</v>
      </c>
      <c r="F142" s="917"/>
      <c r="G142" s="917"/>
      <c r="H142" s="917"/>
      <c r="I142" s="918"/>
      <c r="J142" s="440" t="s">
        <v>707</v>
      </c>
      <c r="K142" s="443"/>
      <c r="L142" s="444"/>
      <c r="M142" s="438"/>
      <c r="N142" s="77"/>
      <c r="O142" s="77"/>
      <c r="P142" s="77"/>
      <c r="Q142" s="77"/>
      <c r="R142" s="77"/>
    </row>
    <row r="143" spans="1:18" ht="15.95" customHeight="1" thickBot="1" x14ac:dyDescent="0.2">
      <c r="A143" s="18"/>
      <c r="B143" s="439">
        <v>17</v>
      </c>
      <c r="C143" s="914"/>
      <c r="D143" s="915"/>
      <c r="E143" s="916" t="s">
        <v>708</v>
      </c>
      <c r="F143" s="917"/>
      <c r="G143" s="917"/>
      <c r="H143" s="445"/>
      <c r="I143" s="442"/>
      <c r="J143" s="440" t="s">
        <v>709</v>
      </c>
      <c r="K143" s="443"/>
      <c r="L143" s="444"/>
      <c r="M143" s="438"/>
      <c r="N143" s="77"/>
      <c r="O143" s="77"/>
      <c r="P143" s="77"/>
      <c r="Q143" s="77"/>
      <c r="R143" s="77"/>
    </row>
    <row r="144" spans="1:18" ht="15.95" customHeight="1" thickBot="1" x14ac:dyDescent="0.2">
      <c r="A144" s="18"/>
      <c r="B144" s="439">
        <v>18</v>
      </c>
      <c r="C144" s="910" t="s">
        <v>710</v>
      </c>
      <c r="D144" s="911"/>
      <c r="E144" s="916" t="s">
        <v>711</v>
      </c>
      <c r="F144" s="917"/>
      <c r="G144" s="917"/>
      <c r="H144" s="445"/>
      <c r="I144" s="442"/>
      <c r="J144" s="446">
        <v>27766</v>
      </c>
      <c r="K144" s="21"/>
      <c r="L144" s="77"/>
      <c r="M144" s="77"/>
      <c r="N144" s="77"/>
      <c r="O144" s="77"/>
      <c r="P144" s="77"/>
      <c r="Q144" s="77"/>
      <c r="R144" s="77"/>
    </row>
    <row r="145" spans="1:18" ht="15.95" customHeight="1" thickBot="1" x14ac:dyDescent="0.2">
      <c r="A145" s="18"/>
      <c r="B145" s="447">
        <v>19</v>
      </c>
      <c r="C145" s="912"/>
      <c r="D145" s="913"/>
      <c r="E145" s="916" t="s">
        <v>712</v>
      </c>
      <c r="F145" s="917"/>
      <c r="G145" s="917"/>
      <c r="H145" s="441"/>
      <c r="I145" s="448"/>
      <c r="J145" s="449" t="s">
        <v>713</v>
      </c>
      <c r="K145" s="450"/>
      <c r="L145" s="451"/>
      <c r="M145" s="21"/>
      <c r="N145" s="77"/>
      <c r="O145" s="77"/>
      <c r="P145" s="77"/>
      <c r="Q145" s="77"/>
      <c r="R145" s="77"/>
    </row>
    <row r="146" spans="1:18" ht="15.95" customHeight="1" thickBot="1" x14ac:dyDescent="0.2">
      <c r="A146" s="18"/>
      <c r="B146" s="439">
        <v>20</v>
      </c>
      <c r="C146" s="914"/>
      <c r="D146" s="915"/>
      <c r="E146" s="916" t="s">
        <v>714</v>
      </c>
      <c r="F146" s="917"/>
      <c r="G146" s="917"/>
      <c r="H146" s="445"/>
      <c r="I146" s="442"/>
      <c r="J146" s="440" t="s">
        <v>715</v>
      </c>
      <c r="K146" s="450"/>
      <c r="L146" s="451"/>
      <c r="M146" s="21"/>
      <c r="N146" s="77"/>
      <c r="O146" s="77"/>
      <c r="P146" s="77"/>
      <c r="Q146" s="77"/>
      <c r="R146" s="77"/>
    </row>
    <row r="147" spans="1:18" ht="15.95" customHeight="1" thickBot="1" x14ac:dyDescent="0.2">
      <c r="A147" s="18"/>
      <c r="B147" s="439">
        <v>21</v>
      </c>
      <c r="C147" s="910" t="s">
        <v>716</v>
      </c>
      <c r="D147" s="911"/>
      <c r="E147" s="916" t="s">
        <v>717</v>
      </c>
      <c r="F147" s="917"/>
      <c r="G147" s="917"/>
      <c r="H147" s="445"/>
      <c r="I147" s="442"/>
      <c r="J147" s="446">
        <v>27398</v>
      </c>
      <c r="K147" s="450"/>
      <c r="L147" s="451"/>
      <c r="M147" s="21"/>
      <c r="N147" s="77"/>
      <c r="O147" s="77"/>
      <c r="P147" s="77"/>
      <c r="Q147" s="77"/>
      <c r="R147" s="77"/>
    </row>
    <row r="148" spans="1:18" ht="15.95" customHeight="1" thickBot="1" x14ac:dyDescent="0.2">
      <c r="A148" s="18"/>
      <c r="B148" s="439">
        <v>22</v>
      </c>
      <c r="C148" s="914"/>
      <c r="D148" s="915"/>
      <c r="E148" s="916" t="s">
        <v>718</v>
      </c>
      <c r="F148" s="917"/>
      <c r="G148" s="917"/>
      <c r="H148" s="445"/>
      <c r="I148" s="442"/>
      <c r="J148" s="440" t="s">
        <v>719</v>
      </c>
      <c r="K148" s="450"/>
      <c r="L148" s="451"/>
      <c r="M148" s="21"/>
      <c r="N148" s="77"/>
      <c r="O148" s="77"/>
      <c r="P148" s="77"/>
      <c r="Q148" s="77"/>
      <c r="R148" s="77"/>
    </row>
    <row r="149" spans="1:18" ht="15.95" customHeight="1" thickBot="1" x14ac:dyDescent="0.2">
      <c r="A149" s="18"/>
      <c r="B149" s="439">
        <v>23</v>
      </c>
      <c r="C149" s="910" t="s">
        <v>720</v>
      </c>
      <c r="D149" s="911"/>
      <c r="E149" s="916" t="s">
        <v>721</v>
      </c>
      <c r="F149" s="917"/>
      <c r="G149" s="917"/>
      <c r="H149" s="445"/>
      <c r="I149" s="442"/>
      <c r="J149" s="440" t="s">
        <v>722</v>
      </c>
      <c r="K149" s="450"/>
      <c r="L149" s="451"/>
      <c r="M149" s="21"/>
      <c r="N149" s="77"/>
      <c r="O149" s="77"/>
      <c r="P149" s="77"/>
      <c r="Q149" s="77"/>
      <c r="R149" s="77"/>
    </row>
    <row r="150" spans="1:18" ht="15.95" customHeight="1" thickBot="1" x14ac:dyDescent="0.2">
      <c r="A150" s="18"/>
      <c r="B150" s="439">
        <v>24</v>
      </c>
      <c r="C150" s="937"/>
      <c r="D150" s="938"/>
      <c r="E150" s="916" t="s">
        <v>723</v>
      </c>
      <c r="F150" s="917"/>
      <c r="G150" s="917"/>
      <c r="H150" s="917"/>
      <c r="I150" s="918"/>
      <c r="J150" s="440" t="s">
        <v>724</v>
      </c>
      <c r="K150" s="450"/>
      <c r="L150" s="451"/>
      <c r="M150" s="21"/>
      <c r="N150" s="77"/>
      <c r="O150" s="77"/>
      <c r="P150" s="77"/>
      <c r="Q150" s="77"/>
      <c r="R150" s="77"/>
    </row>
    <row r="151" spans="1:18" ht="15.95" customHeight="1" thickBot="1" x14ac:dyDescent="0.2">
      <c r="A151" s="18"/>
      <c r="B151" s="439">
        <v>25</v>
      </c>
      <c r="C151" s="920"/>
      <c r="D151" s="921"/>
      <c r="E151" s="916" t="s">
        <v>725</v>
      </c>
      <c r="F151" s="917"/>
      <c r="G151" s="917"/>
      <c r="H151" s="445"/>
      <c r="I151" s="442"/>
      <c r="J151" s="446">
        <v>35983</v>
      </c>
      <c r="K151" s="450"/>
      <c r="L151" s="451"/>
      <c r="M151" s="21"/>
      <c r="N151" s="77"/>
      <c r="O151" s="77"/>
      <c r="P151" s="77"/>
      <c r="Q151" s="77"/>
      <c r="R151" s="77"/>
    </row>
    <row r="152" spans="1:18" ht="15.95" customHeight="1" thickBot="1" x14ac:dyDescent="0.2">
      <c r="A152" s="18"/>
      <c r="B152" s="439">
        <v>26</v>
      </c>
      <c r="C152" s="916" t="s">
        <v>726</v>
      </c>
      <c r="D152" s="918"/>
      <c r="E152" s="916" t="s">
        <v>727</v>
      </c>
      <c r="F152" s="917"/>
      <c r="G152" s="917"/>
      <c r="H152" s="445"/>
      <c r="I152" s="442"/>
      <c r="J152" s="440" t="s">
        <v>728</v>
      </c>
      <c r="K152" s="443"/>
      <c r="L152" s="451"/>
      <c r="M152" s="443"/>
      <c r="N152" s="451"/>
      <c r="O152" s="21"/>
      <c r="P152" s="77"/>
      <c r="Q152" s="77"/>
      <c r="R152" s="77"/>
    </row>
    <row r="153" spans="1:18" ht="28.5" customHeight="1" thickBot="1" x14ac:dyDescent="0.2">
      <c r="A153" s="18"/>
      <c r="B153" s="439">
        <v>27</v>
      </c>
      <c r="C153" s="916" t="s">
        <v>729</v>
      </c>
      <c r="D153" s="917"/>
      <c r="E153" s="916" t="s">
        <v>730</v>
      </c>
      <c r="F153" s="917"/>
      <c r="G153" s="917"/>
      <c r="H153" s="445"/>
      <c r="I153" s="442"/>
      <c r="J153" s="440" t="s">
        <v>731</v>
      </c>
      <c r="K153" s="443"/>
      <c r="L153" s="451"/>
      <c r="M153" s="443"/>
      <c r="N153" s="451"/>
      <c r="O153" s="21"/>
      <c r="P153" s="77"/>
      <c r="Q153" s="77"/>
      <c r="R153" s="77"/>
    </row>
    <row r="154" spans="1:18" ht="15.95" customHeight="1" thickBot="1" x14ac:dyDescent="0.2">
      <c r="A154" s="18"/>
      <c r="B154" s="439">
        <v>28</v>
      </c>
      <c r="C154" s="916" t="s">
        <v>732</v>
      </c>
      <c r="D154" s="918"/>
      <c r="E154" s="916" t="s">
        <v>733</v>
      </c>
      <c r="F154" s="917"/>
      <c r="G154" s="917"/>
      <c r="H154" s="445"/>
      <c r="I154" s="442"/>
      <c r="J154" s="440" t="s">
        <v>734</v>
      </c>
      <c r="K154" s="443"/>
      <c r="L154" s="451"/>
      <c r="M154" s="443"/>
      <c r="N154" s="451"/>
      <c r="O154" s="21"/>
      <c r="P154" s="77"/>
      <c r="Q154" s="77"/>
      <c r="R154" s="77"/>
    </row>
    <row r="155" spans="1:18" ht="15.95" customHeight="1" thickBot="1" x14ac:dyDescent="0.2">
      <c r="A155" s="18"/>
      <c r="B155" s="439">
        <v>29</v>
      </c>
      <c r="C155" s="916" t="s">
        <v>735</v>
      </c>
      <c r="D155" s="918"/>
      <c r="E155" s="916" t="s">
        <v>736</v>
      </c>
      <c r="F155" s="917"/>
      <c r="G155" s="917"/>
      <c r="H155" s="445"/>
      <c r="I155" s="442"/>
      <c r="J155" s="446">
        <v>35407</v>
      </c>
      <c r="K155" s="443"/>
      <c r="L155" s="451"/>
      <c r="M155" s="443"/>
      <c r="N155" s="451"/>
      <c r="O155" s="21"/>
      <c r="P155" s="77"/>
      <c r="Q155" s="77"/>
      <c r="R155" s="77"/>
    </row>
    <row r="156" spans="1:18" ht="15.95" customHeight="1" thickBot="1" x14ac:dyDescent="0.2">
      <c r="A156" s="18"/>
      <c r="B156" s="447">
        <v>30</v>
      </c>
      <c r="C156" s="910" t="s">
        <v>737</v>
      </c>
      <c r="D156" s="939"/>
      <c r="E156" s="916" t="s">
        <v>738</v>
      </c>
      <c r="F156" s="917"/>
      <c r="G156" s="917"/>
      <c r="H156" s="445"/>
      <c r="I156" s="442"/>
      <c r="J156" s="440" t="s">
        <v>739</v>
      </c>
      <c r="K156" s="443"/>
      <c r="L156" s="451"/>
      <c r="M156" s="443"/>
      <c r="N156" s="451"/>
      <c r="O156" s="21"/>
      <c r="P156" s="77"/>
      <c r="Q156" s="77"/>
      <c r="R156" s="77"/>
    </row>
    <row r="157" spans="1:18" ht="15.95" customHeight="1" thickBot="1" x14ac:dyDescent="0.2">
      <c r="A157" s="18"/>
      <c r="B157" s="447">
        <v>31</v>
      </c>
      <c r="C157" s="914"/>
      <c r="D157" s="940"/>
      <c r="E157" s="916" t="s">
        <v>740</v>
      </c>
      <c r="F157" s="917"/>
      <c r="G157" s="917"/>
      <c r="H157" s="445"/>
      <c r="I157" s="442"/>
      <c r="J157" s="440" t="s">
        <v>741</v>
      </c>
      <c r="K157" s="443"/>
      <c r="L157" s="451"/>
      <c r="M157" s="443"/>
      <c r="N157" s="451"/>
      <c r="O157" s="21"/>
      <c r="P157" s="77"/>
      <c r="Q157" s="77"/>
      <c r="R157" s="77"/>
    </row>
    <row r="158" spans="1:18" ht="27.75" customHeight="1" thickBot="1" x14ac:dyDescent="0.2">
      <c r="A158" s="18"/>
      <c r="B158" s="447">
        <v>32</v>
      </c>
      <c r="C158" s="916" t="s">
        <v>742</v>
      </c>
      <c r="D158" s="918"/>
      <c r="E158" s="916" t="s">
        <v>743</v>
      </c>
      <c r="F158" s="917"/>
      <c r="G158" s="917"/>
      <c r="H158" s="445"/>
      <c r="I158" s="442"/>
      <c r="J158" s="440" t="s">
        <v>744</v>
      </c>
      <c r="K158" s="443"/>
      <c r="L158" s="451"/>
      <c r="M158" s="443"/>
      <c r="N158" s="451"/>
      <c r="O158" s="21"/>
      <c r="P158" s="77"/>
      <c r="Q158" s="77"/>
      <c r="R158" s="77"/>
    </row>
    <row r="159" spans="1:18" ht="15.95" customHeight="1" thickBot="1" x14ac:dyDescent="0.2">
      <c r="A159" s="18"/>
      <c r="B159" s="447">
        <v>33</v>
      </c>
      <c r="C159" s="916" t="s">
        <v>745</v>
      </c>
      <c r="D159" s="918"/>
      <c r="E159" s="916" t="s">
        <v>746</v>
      </c>
      <c r="F159" s="917"/>
      <c r="G159" s="917"/>
      <c r="H159" s="445"/>
      <c r="I159" s="442"/>
      <c r="J159" s="440" t="s">
        <v>747</v>
      </c>
      <c r="K159" s="443"/>
      <c r="L159" s="451"/>
      <c r="M159" s="443"/>
      <c r="N159" s="451"/>
      <c r="O159" s="21"/>
      <c r="P159" s="77"/>
      <c r="Q159" s="77"/>
      <c r="R159" s="77"/>
    </row>
    <row r="160" spans="1:18" ht="15.95" customHeight="1" thickBot="1" x14ac:dyDescent="0.2">
      <c r="A160" s="18"/>
      <c r="B160" s="447">
        <v>34</v>
      </c>
      <c r="C160" s="916" t="s">
        <v>748</v>
      </c>
      <c r="D160" s="918"/>
      <c r="E160" s="916" t="s">
        <v>749</v>
      </c>
      <c r="F160" s="917"/>
      <c r="G160" s="917"/>
      <c r="H160" s="445"/>
      <c r="I160" s="442"/>
      <c r="J160" s="446">
        <v>27639</v>
      </c>
      <c r="K160" s="443"/>
      <c r="L160" s="451"/>
      <c r="M160" s="443"/>
      <c r="N160" s="451"/>
      <c r="O160" s="21"/>
      <c r="P160" s="77"/>
      <c r="Q160" s="77"/>
      <c r="R160" s="77"/>
    </row>
    <row r="161" spans="1:18" ht="15.95" customHeight="1" thickBot="1" x14ac:dyDescent="0.2">
      <c r="A161" s="18"/>
      <c r="B161" s="447">
        <v>35</v>
      </c>
      <c r="C161" s="916" t="s">
        <v>750</v>
      </c>
      <c r="D161" s="918"/>
      <c r="E161" s="916" t="s">
        <v>751</v>
      </c>
      <c r="F161" s="917"/>
      <c r="G161" s="917"/>
      <c r="H161" s="445"/>
      <c r="I161" s="442"/>
      <c r="J161" s="440" t="s">
        <v>752</v>
      </c>
      <c r="K161" s="443"/>
      <c r="L161" s="451"/>
      <c r="M161" s="443"/>
      <c r="N161" s="451"/>
      <c r="O161" s="21"/>
      <c r="P161" s="77"/>
      <c r="Q161" s="77"/>
      <c r="R161" s="77"/>
    </row>
    <row r="162" spans="1:18" ht="15.95" customHeight="1" thickBot="1" x14ac:dyDescent="0.2">
      <c r="A162" s="18"/>
      <c r="B162" s="447">
        <v>36</v>
      </c>
      <c r="C162" s="916" t="s">
        <v>753</v>
      </c>
      <c r="D162" s="918"/>
      <c r="E162" s="916" t="s">
        <v>754</v>
      </c>
      <c r="F162" s="917"/>
      <c r="G162" s="917"/>
      <c r="H162" s="445"/>
      <c r="I162" s="442"/>
      <c r="J162" s="440" t="s">
        <v>755</v>
      </c>
      <c r="K162" s="443"/>
      <c r="L162" s="451"/>
      <c r="M162" s="21"/>
      <c r="N162" s="77"/>
      <c r="O162" s="77"/>
      <c r="P162" s="77"/>
      <c r="Q162" s="77"/>
      <c r="R162" s="77"/>
    </row>
    <row r="163" spans="1:18" ht="15.95" customHeight="1" thickBot="1" x14ac:dyDescent="0.2">
      <c r="A163" s="18"/>
      <c r="B163" s="447">
        <v>37</v>
      </c>
      <c r="C163" s="916" t="s">
        <v>756</v>
      </c>
      <c r="D163" s="941"/>
      <c r="E163" s="916" t="s">
        <v>757</v>
      </c>
      <c r="F163" s="942"/>
      <c r="G163" s="942"/>
      <c r="H163" s="445"/>
      <c r="I163" s="442"/>
      <c r="J163" s="440" t="s">
        <v>758</v>
      </c>
      <c r="K163" s="443"/>
      <c r="L163" s="451"/>
      <c r="M163" s="21"/>
      <c r="N163" s="77"/>
      <c r="O163" s="77"/>
      <c r="P163" s="77"/>
      <c r="Q163" s="77"/>
      <c r="R163" s="77"/>
    </row>
    <row r="164" spans="1:18" ht="15.95" customHeight="1" thickBot="1" x14ac:dyDescent="0.2">
      <c r="A164" s="18"/>
      <c r="B164" s="447">
        <v>38</v>
      </c>
      <c r="C164" s="916" t="s">
        <v>759</v>
      </c>
      <c r="D164" s="918"/>
      <c r="E164" s="916" t="s">
        <v>760</v>
      </c>
      <c r="F164" s="917"/>
      <c r="G164" s="917"/>
      <c r="H164" s="445"/>
      <c r="I164" s="442"/>
      <c r="J164" s="440" t="s">
        <v>761</v>
      </c>
      <c r="K164" s="443"/>
      <c r="L164" s="451"/>
      <c r="M164" s="21"/>
      <c r="N164" s="77"/>
      <c r="O164" s="77"/>
      <c r="P164" s="77"/>
      <c r="Q164" s="77"/>
      <c r="R164" s="77"/>
    </row>
    <row r="165" spans="1:18" ht="15.95" customHeight="1" thickBot="1" x14ac:dyDescent="0.2">
      <c r="A165" s="18"/>
      <c r="B165" s="447">
        <v>39</v>
      </c>
      <c r="C165" s="916" t="s">
        <v>762</v>
      </c>
      <c r="D165" s="918"/>
      <c r="E165" s="916" t="s">
        <v>763</v>
      </c>
      <c r="F165" s="917"/>
      <c r="G165" s="917"/>
      <c r="H165" s="445"/>
      <c r="I165" s="442"/>
      <c r="J165" s="440" t="s">
        <v>764</v>
      </c>
      <c r="K165" s="443"/>
      <c r="L165" s="451"/>
      <c r="M165" s="21"/>
      <c r="N165" s="77"/>
      <c r="O165" s="77"/>
      <c r="P165" s="77"/>
      <c r="Q165" s="77"/>
      <c r="R165" s="77"/>
    </row>
    <row r="166" spans="1:18" ht="15.95" customHeight="1" thickBot="1" x14ac:dyDescent="0.2">
      <c r="A166" s="18"/>
      <c r="B166" s="447">
        <v>40</v>
      </c>
      <c r="C166" s="910" t="s">
        <v>765</v>
      </c>
      <c r="D166" s="911"/>
      <c r="E166" s="916" t="s">
        <v>766</v>
      </c>
      <c r="F166" s="917"/>
      <c r="G166" s="917"/>
      <c r="H166" s="445"/>
      <c r="I166" s="442"/>
      <c r="J166" s="440" t="s">
        <v>767</v>
      </c>
      <c r="K166" s="443"/>
      <c r="L166" s="451"/>
      <c r="M166" s="21"/>
      <c r="N166" s="77"/>
      <c r="O166" s="77"/>
      <c r="P166" s="77"/>
      <c r="Q166" s="77"/>
      <c r="R166" s="77"/>
    </row>
    <row r="167" spans="1:18" ht="15.95" customHeight="1" thickBot="1" x14ac:dyDescent="0.2">
      <c r="A167" s="18"/>
      <c r="B167" s="447">
        <v>41</v>
      </c>
      <c r="C167" s="912"/>
      <c r="D167" s="913"/>
      <c r="E167" s="916" t="s">
        <v>768</v>
      </c>
      <c r="F167" s="917"/>
      <c r="G167" s="917"/>
      <c r="H167" s="445"/>
      <c r="I167" s="442"/>
      <c r="J167" s="440" t="s">
        <v>769</v>
      </c>
      <c r="K167" s="443"/>
      <c r="L167" s="451"/>
      <c r="M167" s="21"/>
      <c r="N167" s="77"/>
      <c r="O167" s="77"/>
      <c r="P167" s="77"/>
      <c r="Q167" s="77"/>
      <c r="R167" s="77"/>
    </row>
    <row r="168" spans="1:18" ht="15.95" customHeight="1" thickBot="1" x14ac:dyDescent="0.2">
      <c r="A168" s="18"/>
      <c r="B168" s="447">
        <v>42</v>
      </c>
      <c r="C168" s="912"/>
      <c r="D168" s="913"/>
      <c r="E168" s="916" t="s">
        <v>770</v>
      </c>
      <c r="F168" s="917"/>
      <c r="G168" s="917"/>
      <c r="H168" s="445"/>
      <c r="I168" s="442"/>
      <c r="J168" s="440" t="s">
        <v>771</v>
      </c>
      <c r="K168" s="443"/>
      <c r="L168" s="451"/>
      <c r="M168" s="21"/>
      <c r="N168" s="77"/>
      <c r="O168" s="77"/>
      <c r="P168" s="77"/>
      <c r="Q168" s="77"/>
      <c r="R168" s="77"/>
    </row>
    <row r="169" spans="1:18" ht="15.95" customHeight="1" thickBot="1" x14ac:dyDescent="0.2">
      <c r="A169" s="18"/>
      <c r="B169" s="447">
        <v>43</v>
      </c>
      <c r="C169" s="912"/>
      <c r="D169" s="913"/>
      <c r="E169" s="916" t="s">
        <v>772</v>
      </c>
      <c r="F169" s="917"/>
      <c r="G169" s="917"/>
      <c r="H169" s="445"/>
      <c r="I169" s="442"/>
      <c r="J169" s="440" t="s">
        <v>773</v>
      </c>
      <c r="K169" s="443"/>
      <c r="L169" s="451"/>
      <c r="M169" s="21"/>
      <c r="N169" s="77"/>
      <c r="O169" s="77"/>
      <c r="P169" s="77"/>
      <c r="Q169" s="77"/>
      <c r="R169" s="77"/>
    </row>
    <row r="170" spans="1:18" ht="15.95" customHeight="1" thickBot="1" x14ac:dyDescent="0.2">
      <c r="A170" s="18"/>
      <c r="B170" s="447">
        <v>44</v>
      </c>
      <c r="C170" s="912"/>
      <c r="D170" s="913"/>
      <c r="E170" s="916" t="s">
        <v>774</v>
      </c>
      <c r="F170" s="917"/>
      <c r="G170" s="917"/>
      <c r="H170" s="445"/>
      <c r="I170" s="442"/>
      <c r="J170" s="440" t="s">
        <v>775</v>
      </c>
      <c r="K170" s="443"/>
      <c r="L170" s="451"/>
      <c r="M170" s="21"/>
      <c r="N170" s="77"/>
      <c r="O170" s="77"/>
      <c r="P170" s="77"/>
      <c r="Q170" s="77"/>
      <c r="R170" s="77"/>
    </row>
    <row r="171" spans="1:18" ht="15.95" customHeight="1" thickBot="1" x14ac:dyDescent="0.2">
      <c r="A171" s="18"/>
      <c r="B171" s="447">
        <v>45</v>
      </c>
      <c r="C171" s="912"/>
      <c r="D171" s="913"/>
      <c r="E171" s="916" t="s">
        <v>776</v>
      </c>
      <c r="F171" s="917"/>
      <c r="G171" s="917"/>
      <c r="H171" s="445"/>
      <c r="I171" s="442"/>
      <c r="J171" s="440" t="s">
        <v>777</v>
      </c>
      <c r="K171" s="443"/>
      <c r="L171" s="444"/>
      <c r="M171" s="443"/>
      <c r="N171" s="451"/>
      <c r="O171" s="21"/>
      <c r="P171" s="77"/>
      <c r="Q171" s="77"/>
      <c r="R171" s="77"/>
    </row>
    <row r="172" spans="1:18" ht="15.95" customHeight="1" thickBot="1" x14ac:dyDescent="0.2">
      <c r="A172" s="18"/>
      <c r="B172" s="447">
        <v>46</v>
      </c>
      <c r="C172" s="914"/>
      <c r="D172" s="915"/>
      <c r="E172" s="916" t="s">
        <v>778</v>
      </c>
      <c r="F172" s="917"/>
      <c r="G172" s="917"/>
      <c r="H172" s="445"/>
      <c r="I172" s="442"/>
      <c r="J172" s="440" t="s">
        <v>779</v>
      </c>
      <c r="K172" s="443"/>
      <c r="L172" s="444"/>
      <c r="M172" s="443"/>
      <c r="N172" s="444"/>
      <c r="O172" s="443"/>
      <c r="P172" s="451"/>
      <c r="Q172" s="21"/>
      <c r="R172" s="77"/>
    </row>
    <row r="173" spans="1:18" ht="15.95" customHeight="1" thickBot="1" x14ac:dyDescent="0.2">
      <c r="A173" s="18"/>
      <c r="B173" s="447">
        <v>47</v>
      </c>
      <c r="C173" s="916" t="s">
        <v>780</v>
      </c>
      <c r="D173" s="918"/>
      <c r="E173" s="916" t="s">
        <v>781</v>
      </c>
      <c r="F173" s="917"/>
      <c r="G173" s="917"/>
      <c r="H173" s="445"/>
      <c r="I173" s="442"/>
      <c r="J173" s="440" t="s">
        <v>782</v>
      </c>
      <c r="K173" s="443"/>
      <c r="L173" s="444"/>
      <c r="M173" s="443"/>
      <c r="N173" s="444"/>
      <c r="O173" s="443"/>
      <c r="P173" s="451"/>
      <c r="Q173" s="21"/>
      <c r="R173" s="77"/>
    </row>
    <row r="174" spans="1:18" ht="15.95" customHeight="1" thickBot="1" x14ac:dyDescent="0.2">
      <c r="A174" s="18"/>
      <c r="B174" s="447">
        <v>48</v>
      </c>
      <c r="C174" s="916" t="s">
        <v>783</v>
      </c>
      <c r="D174" s="918"/>
      <c r="E174" s="916" t="s">
        <v>784</v>
      </c>
      <c r="F174" s="917"/>
      <c r="G174" s="917"/>
      <c r="H174" s="445"/>
      <c r="I174" s="442"/>
      <c r="J174" s="440" t="s">
        <v>785</v>
      </c>
      <c r="K174" s="443"/>
      <c r="L174" s="444"/>
      <c r="M174" s="443"/>
      <c r="N174" s="444"/>
      <c r="O174" s="443"/>
      <c r="P174" s="451"/>
      <c r="Q174" s="21"/>
      <c r="R174" s="77"/>
    </row>
    <row r="175" spans="1:18" ht="31.5" customHeight="1" thickBot="1" x14ac:dyDescent="0.2">
      <c r="A175" s="18"/>
      <c r="B175" s="447">
        <v>49</v>
      </c>
      <c r="C175" s="916" t="s">
        <v>786</v>
      </c>
      <c r="D175" s="918"/>
      <c r="E175" s="916" t="s">
        <v>787</v>
      </c>
      <c r="F175" s="917"/>
      <c r="G175" s="917"/>
      <c r="H175" s="445"/>
      <c r="I175" s="442"/>
      <c r="J175" s="440" t="s">
        <v>788</v>
      </c>
      <c r="K175" s="443"/>
      <c r="L175" s="444"/>
      <c r="M175" s="443"/>
      <c r="N175" s="444"/>
      <c r="O175" s="443"/>
      <c r="P175" s="451"/>
      <c r="Q175" s="21"/>
      <c r="R175" s="77"/>
    </row>
    <row r="176" spans="1:18" ht="15.95" customHeight="1" thickBot="1" x14ac:dyDescent="0.2">
      <c r="A176" s="18"/>
      <c r="B176" s="447">
        <v>50</v>
      </c>
      <c r="C176" s="910" t="s">
        <v>789</v>
      </c>
      <c r="D176" s="911"/>
      <c r="E176" s="916" t="s">
        <v>790</v>
      </c>
      <c r="F176" s="917"/>
      <c r="G176" s="917"/>
      <c r="H176" s="441"/>
      <c r="I176" s="448"/>
      <c r="J176" s="449" t="s">
        <v>791</v>
      </c>
      <c r="K176" s="443"/>
      <c r="L176" s="444"/>
      <c r="M176" s="443"/>
      <c r="N176" s="444"/>
      <c r="O176" s="443"/>
      <c r="P176" s="451"/>
      <c r="Q176" s="21"/>
      <c r="R176" s="77"/>
    </row>
    <row r="177" spans="1:18" ht="15.95" customHeight="1" thickBot="1" x14ac:dyDescent="0.2">
      <c r="A177" s="18"/>
      <c r="B177" s="447">
        <v>51</v>
      </c>
      <c r="C177" s="912"/>
      <c r="D177" s="913"/>
      <c r="E177" s="916" t="s">
        <v>792</v>
      </c>
      <c r="F177" s="917"/>
      <c r="G177" s="917"/>
      <c r="H177" s="445"/>
      <c r="I177" s="442"/>
      <c r="J177" s="440" t="s">
        <v>793</v>
      </c>
      <c r="K177" s="443"/>
      <c r="L177" s="444"/>
      <c r="M177" s="443"/>
      <c r="N177" s="444"/>
      <c r="O177" s="443"/>
      <c r="P177" s="451"/>
      <c r="Q177" s="21"/>
      <c r="R177" s="77"/>
    </row>
    <row r="178" spans="1:18" ht="15.95" customHeight="1" thickBot="1" x14ac:dyDescent="0.2">
      <c r="A178" s="18"/>
      <c r="B178" s="447">
        <v>52</v>
      </c>
      <c r="C178" s="912"/>
      <c r="D178" s="913"/>
      <c r="E178" s="916" t="s">
        <v>794</v>
      </c>
      <c r="F178" s="917"/>
      <c r="G178" s="917"/>
      <c r="H178" s="445"/>
      <c r="I178" s="442"/>
      <c r="J178" s="440" t="s">
        <v>795</v>
      </c>
      <c r="K178" s="443"/>
      <c r="L178" s="444"/>
      <c r="M178" s="443"/>
      <c r="N178" s="444"/>
      <c r="O178" s="443"/>
      <c r="P178" s="451"/>
      <c r="Q178" s="21"/>
      <c r="R178" s="77"/>
    </row>
    <row r="179" spans="1:18" ht="15.95" customHeight="1" thickBot="1" x14ac:dyDescent="0.2">
      <c r="A179" s="18"/>
      <c r="B179" s="447">
        <v>53</v>
      </c>
      <c r="C179" s="912"/>
      <c r="D179" s="913"/>
      <c r="E179" s="916" t="s">
        <v>796</v>
      </c>
      <c r="F179" s="917"/>
      <c r="G179" s="917"/>
      <c r="H179" s="445"/>
      <c r="I179" s="442"/>
      <c r="J179" s="440" t="s">
        <v>797</v>
      </c>
      <c r="K179" s="443"/>
      <c r="L179" s="444"/>
      <c r="M179" s="443"/>
      <c r="N179" s="444"/>
      <c r="O179" s="443"/>
      <c r="P179" s="451"/>
      <c r="Q179" s="21"/>
      <c r="R179" s="77"/>
    </row>
    <row r="180" spans="1:18" ht="15.95" customHeight="1" thickBot="1" x14ac:dyDescent="0.2">
      <c r="A180" s="18"/>
      <c r="B180" s="447">
        <v>54</v>
      </c>
      <c r="C180" s="912"/>
      <c r="D180" s="913"/>
      <c r="E180" s="916" t="s">
        <v>798</v>
      </c>
      <c r="F180" s="917"/>
      <c r="G180" s="917"/>
      <c r="H180" s="445"/>
      <c r="I180" s="442"/>
      <c r="J180" s="440" t="s">
        <v>799</v>
      </c>
      <c r="K180" s="443"/>
      <c r="L180" s="444"/>
      <c r="M180" s="443"/>
      <c r="N180" s="444"/>
      <c r="O180" s="443"/>
      <c r="P180" s="451"/>
      <c r="Q180" s="21"/>
      <c r="R180" s="77"/>
    </row>
    <row r="181" spans="1:18" ht="15.95" customHeight="1" thickBot="1" x14ac:dyDescent="0.2">
      <c r="A181" s="18"/>
      <c r="B181" s="447">
        <v>55</v>
      </c>
      <c r="C181" s="912"/>
      <c r="D181" s="913"/>
      <c r="E181" s="916" t="s">
        <v>800</v>
      </c>
      <c r="F181" s="917"/>
      <c r="G181" s="917"/>
      <c r="H181" s="445"/>
      <c r="I181" s="442"/>
      <c r="J181" s="440" t="s">
        <v>801</v>
      </c>
      <c r="K181" s="443"/>
      <c r="L181" s="444"/>
      <c r="M181" s="443"/>
      <c r="N181" s="444"/>
      <c r="O181" s="443"/>
      <c r="P181" s="451"/>
      <c r="Q181" s="21"/>
      <c r="R181" s="77"/>
    </row>
    <row r="182" spans="1:18" ht="15.95" customHeight="1" thickBot="1" x14ac:dyDescent="0.2">
      <c r="A182" s="18"/>
      <c r="B182" s="447">
        <v>56</v>
      </c>
      <c r="C182" s="912"/>
      <c r="D182" s="913"/>
      <c r="E182" s="916" t="s">
        <v>802</v>
      </c>
      <c r="F182" s="917"/>
      <c r="G182" s="917"/>
      <c r="H182" s="445"/>
      <c r="I182" s="442"/>
      <c r="J182" s="440" t="s">
        <v>803</v>
      </c>
      <c r="K182" s="443"/>
      <c r="L182" s="444"/>
      <c r="M182" s="443"/>
      <c r="N182" s="444"/>
      <c r="O182" s="443"/>
      <c r="P182" s="451"/>
      <c r="Q182" s="21"/>
      <c r="R182" s="77"/>
    </row>
    <row r="183" spans="1:18" ht="15.95" customHeight="1" thickBot="1" x14ac:dyDescent="0.2">
      <c r="A183" s="18"/>
      <c r="B183" s="447">
        <v>57</v>
      </c>
      <c r="C183" s="912"/>
      <c r="D183" s="913"/>
      <c r="E183" s="916" t="s">
        <v>804</v>
      </c>
      <c r="F183" s="917"/>
      <c r="G183" s="917"/>
      <c r="H183" s="445"/>
      <c r="I183" s="442"/>
      <c r="J183" s="440" t="s">
        <v>805</v>
      </c>
      <c r="K183" s="443"/>
      <c r="L183" s="444"/>
      <c r="M183" s="443"/>
      <c r="N183" s="444"/>
      <c r="O183" s="443"/>
      <c r="P183" s="451"/>
      <c r="Q183" s="21"/>
      <c r="R183" s="77"/>
    </row>
    <row r="184" spans="1:18" ht="15.95" customHeight="1" thickBot="1" x14ac:dyDescent="0.2">
      <c r="A184" s="18"/>
      <c r="B184" s="447">
        <v>58</v>
      </c>
      <c r="C184" s="914"/>
      <c r="D184" s="915"/>
      <c r="E184" s="916" t="s">
        <v>806</v>
      </c>
      <c r="F184" s="917"/>
      <c r="G184" s="917"/>
      <c r="H184" s="445"/>
      <c r="I184" s="442"/>
      <c r="J184" s="440" t="s">
        <v>807</v>
      </c>
      <c r="K184" s="443"/>
      <c r="L184" s="444"/>
      <c r="M184" s="443"/>
      <c r="N184" s="444"/>
      <c r="O184" s="443"/>
      <c r="P184" s="451"/>
      <c r="Q184" s="21"/>
      <c r="R184" s="77"/>
    </row>
    <row r="185" spans="1:18" ht="15.95" customHeight="1" thickBot="1" x14ac:dyDescent="0.2">
      <c r="A185" s="18"/>
      <c r="B185" s="447">
        <v>59</v>
      </c>
      <c r="C185" s="916" t="s">
        <v>808</v>
      </c>
      <c r="D185" s="918"/>
      <c r="E185" s="916" t="s">
        <v>809</v>
      </c>
      <c r="F185" s="917"/>
      <c r="G185" s="917"/>
      <c r="H185" s="445"/>
      <c r="I185" s="442"/>
      <c r="J185" s="440" t="s">
        <v>810</v>
      </c>
      <c r="K185" s="443"/>
      <c r="L185" s="444"/>
      <c r="M185" s="443"/>
      <c r="N185" s="444"/>
      <c r="O185" s="443"/>
      <c r="P185" s="451"/>
      <c r="Q185" s="21"/>
      <c r="R185" s="77"/>
    </row>
    <row r="186" spans="1:18" ht="15.95" customHeight="1" thickBot="1" x14ac:dyDescent="0.2">
      <c r="A186" s="18"/>
      <c r="B186" s="447">
        <v>60</v>
      </c>
      <c r="C186" s="910" t="s">
        <v>811</v>
      </c>
      <c r="D186" s="911"/>
      <c r="E186" s="916" t="s">
        <v>812</v>
      </c>
      <c r="F186" s="917"/>
      <c r="G186" s="917"/>
      <c r="H186" s="917"/>
      <c r="I186" s="918"/>
      <c r="J186" s="440" t="s">
        <v>813</v>
      </c>
      <c r="K186" s="443"/>
      <c r="L186" s="444"/>
      <c r="M186" s="443"/>
      <c r="N186" s="444"/>
      <c r="O186" s="443"/>
      <c r="P186" s="451"/>
      <c r="Q186" s="21"/>
      <c r="R186" s="77"/>
    </row>
    <row r="187" spans="1:18" ht="15.95" customHeight="1" thickBot="1" x14ac:dyDescent="0.2">
      <c r="A187" s="18"/>
      <c r="B187" s="447">
        <v>61</v>
      </c>
      <c r="C187" s="912"/>
      <c r="D187" s="913"/>
      <c r="E187" s="916" t="s">
        <v>814</v>
      </c>
      <c r="F187" s="917"/>
      <c r="G187" s="917"/>
      <c r="H187" s="445"/>
      <c r="I187" s="442"/>
      <c r="J187" s="440" t="s">
        <v>815</v>
      </c>
      <c r="K187" s="443"/>
      <c r="L187" s="444"/>
      <c r="M187" s="443"/>
      <c r="N187" s="444"/>
      <c r="O187" s="443"/>
      <c r="P187" s="451"/>
      <c r="Q187" s="21"/>
      <c r="R187" s="77"/>
    </row>
    <row r="188" spans="1:18" ht="15.95" customHeight="1" thickBot="1" x14ac:dyDescent="0.2">
      <c r="A188" s="18"/>
      <c r="B188" s="447">
        <v>62</v>
      </c>
      <c r="C188" s="914"/>
      <c r="D188" s="915"/>
      <c r="E188" s="916" t="s">
        <v>816</v>
      </c>
      <c r="F188" s="917"/>
      <c r="G188" s="917"/>
      <c r="H188" s="445"/>
      <c r="I188" s="442"/>
      <c r="J188" s="440" t="s">
        <v>817</v>
      </c>
      <c r="K188" s="443"/>
      <c r="L188" s="444"/>
      <c r="M188" s="443"/>
      <c r="N188" s="444"/>
      <c r="O188" s="443"/>
      <c r="P188" s="451"/>
      <c r="Q188" s="21"/>
      <c r="R188" s="77"/>
    </row>
    <row r="189" spans="1:18" ht="15.95" customHeight="1" thickBot="1" x14ac:dyDescent="0.2">
      <c r="A189" s="18"/>
      <c r="B189" s="447">
        <v>63</v>
      </c>
      <c r="C189" s="916" t="s">
        <v>818</v>
      </c>
      <c r="D189" s="918"/>
      <c r="E189" s="916" t="s">
        <v>819</v>
      </c>
      <c r="F189" s="917"/>
      <c r="G189" s="917"/>
      <c r="H189" s="445"/>
      <c r="I189" s="442"/>
      <c r="J189" s="440" t="s">
        <v>820</v>
      </c>
      <c r="K189" s="443"/>
      <c r="L189" s="444"/>
      <c r="M189" s="443"/>
      <c r="N189" s="444"/>
      <c r="O189" s="443"/>
      <c r="P189" s="451"/>
      <c r="Q189" s="21"/>
      <c r="R189" s="77"/>
    </row>
    <row r="190" spans="1:18" ht="15.95" customHeight="1" thickBot="1" x14ac:dyDescent="0.2">
      <c r="A190" s="18"/>
      <c r="B190" s="447">
        <v>64</v>
      </c>
      <c r="C190" s="916" t="s">
        <v>821</v>
      </c>
      <c r="D190" s="918"/>
      <c r="E190" s="916" t="s">
        <v>822</v>
      </c>
      <c r="F190" s="917"/>
      <c r="G190" s="917"/>
      <c r="H190" s="445"/>
      <c r="I190" s="442"/>
      <c r="J190" s="440" t="s">
        <v>823</v>
      </c>
      <c r="K190" s="443"/>
      <c r="L190" s="444"/>
      <c r="M190" s="443"/>
      <c r="N190" s="444"/>
      <c r="O190" s="443"/>
      <c r="P190" s="451"/>
      <c r="Q190" s="21"/>
      <c r="R190" s="77"/>
    </row>
    <row r="191" spans="1:18" ht="15.95" customHeight="1" thickBot="1" x14ac:dyDescent="0.2">
      <c r="A191" s="18"/>
      <c r="B191" s="447">
        <v>65</v>
      </c>
      <c r="C191" s="916" t="s">
        <v>824</v>
      </c>
      <c r="D191" s="918"/>
      <c r="E191" s="916" t="s">
        <v>825</v>
      </c>
      <c r="F191" s="917"/>
      <c r="G191" s="917"/>
      <c r="H191" s="445"/>
      <c r="I191" s="442"/>
      <c r="J191" s="440" t="s">
        <v>826</v>
      </c>
      <c r="K191" s="443"/>
      <c r="L191" s="444"/>
      <c r="M191" s="443"/>
      <c r="N191" s="444"/>
      <c r="O191" s="443"/>
      <c r="P191" s="451"/>
      <c r="Q191" s="21"/>
      <c r="R191" s="77"/>
    </row>
    <row r="192" spans="1:18" ht="15.95" customHeight="1" thickBot="1" x14ac:dyDescent="0.2">
      <c r="A192" s="18"/>
      <c r="B192" s="447">
        <v>66</v>
      </c>
      <c r="C192" s="916" t="s">
        <v>827</v>
      </c>
      <c r="D192" s="918"/>
      <c r="E192" s="916" t="s">
        <v>828</v>
      </c>
      <c r="F192" s="917"/>
      <c r="G192" s="917"/>
      <c r="H192" s="445"/>
      <c r="I192" s="442"/>
      <c r="J192" s="440" t="s">
        <v>829</v>
      </c>
      <c r="K192" s="443"/>
      <c r="L192" s="444"/>
      <c r="M192" s="443"/>
      <c r="N192" s="444"/>
      <c r="O192" s="443"/>
      <c r="P192" s="451"/>
      <c r="Q192" s="21"/>
      <c r="R192" s="77"/>
    </row>
    <row r="193" spans="1:18" ht="15.95" customHeight="1" thickBot="1" x14ac:dyDescent="0.2">
      <c r="A193" s="18"/>
      <c r="B193" s="447">
        <v>67</v>
      </c>
      <c r="C193" s="910" t="s">
        <v>830</v>
      </c>
      <c r="D193" s="919"/>
      <c r="E193" s="916" t="s">
        <v>831</v>
      </c>
      <c r="F193" s="917"/>
      <c r="G193" s="917"/>
      <c r="H193" s="445"/>
      <c r="I193" s="442"/>
      <c r="J193" s="440" t="s">
        <v>832</v>
      </c>
      <c r="K193" s="443"/>
      <c r="L193" s="444"/>
      <c r="M193" s="443"/>
      <c r="N193" s="444"/>
      <c r="O193" s="443"/>
      <c r="P193" s="451"/>
      <c r="Q193" s="21"/>
      <c r="R193" s="77"/>
    </row>
    <row r="194" spans="1:18" ht="15.95" customHeight="1" thickBot="1" x14ac:dyDescent="0.2">
      <c r="A194" s="18"/>
      <c r="B194" s="447">
        <v>68</v>
      </c>
      <c r="C194" s="920"/>
      <c r="D194" s="921"/>
      <c r="E194" s="916" t="s">
        <v>833</v>
      </c>
      <c r="F194" s="917"/>
      <c r="G194" s="917"/>
      <c r="H194" s="445"/>
      <c r="I194" s="442"/>
      <c r="J194" s="440" t="s">
        <v>834</v>
      </c>
      <c r="K194" s="443"/>
      <c r="L194" s="444"/>
      <c r="M194" s="443"/>
      <c r="N194" s="444"/>
      <c r="O194" s="443"/>
      <c r="P194" s="451"/>
      <c r="Q194" s="21"/>
      <c r="R194" s="77"/>
    </row>
    <row r="195" spans="1:18" ht="15.95" customHeight="1" thickBot="1" x14ac:dyDescent="0.2">
      <c r="A195" s="18"/>
      <c r="B195" s="447">
        <v>69</v>
      </c>
      <c r="C195" s="916" t="s">
        <v>835</v>
      </c>
      <c r="D195" s="943"/>
      <c r="E195" s="916" t="s">
        <v>836</v>
      </c>
      <c r="F195" s="917"/>
      <c r="G195" s="917"/>
      <c r="H195" s="445"/>
      <c r="I195" s="442"/>
      <c r="J195" s="440" t="s">
        <v>837</v>
      </c>
      <c r="K195" s="443"/>
      <c r="L195" s="444"/>
      <c r="M195" s="443"/>
      <c r="N195" s="444"/>
      <c r="O195" s="443"/>
      <c r="P195" s="451"/>
      <c r="Q195" s="21"/>
      <c r="R195" s="77"/>
    </row>
    <row r="196" spans="1:18" ht="15.95" customHeight="1" thickBot="1" x14ac:dyDescent="0.2">
      <c r="A196" s="18"/>
      <c r="B196" s="447">
        <v>70</v>
      </c>
      <c r="C196" s="916" t="s">
        <v>838</v>
      </c>
      <c r="D196" s="918"/>
      <c r="E196" s="916" t="s">
        <v>839</v>
      </c>
      <c r="F196" s="917"/>
      <c r="G196" s="917"/>
      <c r="H196" s="445"/>
      <c r="I196" s="442"/>
      <c r="J196" s="440" t="s">
        <v>840</v>
      </c>
      <c r="K196" s="443"/>
      <c r="L196" s="444"/>
      <c r="M196" s="443"/>
      <c r="N196" s="444"/>
      <c r="O196" s="443"/>
      <c r="P196" s="451"/>
      <c r="Q196" s="21"/>
      <c r="R196" s="77"/>
    </row>
    <row r="197" spans="1:18" ht="15.95" customHeight="1" thickBot="1" x14ac:dyDescent="0.2">
      <c r="A197" s="18"/>
      <c r="B197" s="447">
        <v>71</v>
      </c>
      <c r="C197" s="910" t="s">
        <v>841</v>
      </c>
      <c r="D197" s="911"/>
      <c r="E197" s="916" t="s">
        <v>842</v>
      </c>
      <c r="F197" s="917"/>
      <c r="G197" s="917"/>
      <c r="H197" s="445"/>
      <c r="I197" s="442"/>
      <c r="J197" s="440" t="s">
        <v>843</v>
      </c>
      <c r="K197" s="443"/>
      <c r="L197" s="444"/>
      <c r="M197" s="443"/>
      <c r="N197" s="444"/>
      <c r="O197" s="443"/>
      <c r="P197" s="451"/>
      <c r="Q197" s="21"/>
      <c r="R197" s="77"/>
    </row>
    <row r="198" spans="1:18" ht="15.95" customHeight="1" thickBot="1" x14ac:dyDescent="0.2">
      <c r="A198" s="18"/>
      <c r="B198" s="447">
        <v>72</v>
      </c>
      <c r="C198" s="912"/>
      <c r="D198" s="913"/>
      <c r="E198" s="916" t="s">
        <v>844</v>
      </c>
      <c r="F198" s="917"/>
      <c r="G198" s="917"/>
      <c r="H198" s="445"/>
      <c r="I198" s="442"/>
      <c r="J198" s="440" t="s">
        <v>845</v>
      </c>
      <c r="K198" s="443"/>
      <c r="L198" s="444"/>
      <c r="M198" s="443"/>
      <c r="N198" s="444"/>
      <c r="O198" s="443"/>
      <c r="P198" s="451"/>
      <c r="Q198" s="21"/>
      <c r="R198" s="77"/>
    </row>
    <row r="199" spans="1:18" ht="15.95" customHeight="1" thickBot="1" x14ac:dyDescent="0.2">
      <c r="A199" s="18"/>
      <c r="B199" s="447">
        <v>73</v>
      </c>
      <c r="C199" s="912"/>
      <c r="D199" s="913"/>
      <c r="E199" s="916" t="s">
        <v>846</v>
      </c>
      <c r="F199" s="917"/>
      <c r="G199" s="917"/>
      <c r="H199" s="445"/>
      <c r="I199" s="442"/>
      <c r="J199" s="440" t="s">
        <v>847</v>
      </c>
      <c r="K199" s="443"/>
      <c r="L199" s="444"/>
      <c r="M199" s="443"/>
      <c r="N199" s="444"/>
      <c r="O199" s="443"/>
      <c r="P199" s="451"/>
      <c r="Q199" s="21"/>
      <c r="R199" s="77"/>
    </row>
    <row r="200" spans="1:18" ht="15.95" customHeight="1" thickBot="1" x14ac:dyDescent="0.2">
      <c r="A200" s="18"/>
      <c r="B200" s="447">
        <v>74</v>
      </c>
      <c r="C200" s="912"/>
      <c r="D200" s="913"/>
      <c r="E200" s="916" t="s">
        <v>848</v>
      </c>
      <c r="F200" s="917"/>
      <c r="G200" s="917"/>
      <c r="H200" s="445"/>
      <c r="I200" s="442"/>
      <c r="J200" s="440" t="s">
        <v>849</v>
      </c>
      <c r="K200" s="443"/>
      <c r="L200" s="444"/>
      <c r="M200" s="443"/>
      <c r="N200" s="444"/>
      <c r="O200" s="443"/>
      <c r="P200" s="451"/>
      <c r="Q200" s="21"/>
      <c r="R200" s="77"/>
    </row>
    <row r="201" spans="1:18" ht="15.95" customHeight="1" thickBot="1" x14ac:dyDescent="0.2">
      <c r="A201" s="18"/>
      <c r="B201" s="447">
        <v>75</v>
      </c>
      <c r="C201" s="912"/>
      <c r="D201" s="913"/>
      <c r="E201" s="916" t="s">
        <v>850</v>
      </c>
      <c r="F201" s="917"/>
      <c r="G201" s="917"/>
      <c r="H201" s="445"/>
      <c r="I201" s="442"/>
      <c r="J201" s="440" t="s">
        <v>851</v>
      </c>
      <c r="K201" s="443"/>
      <c r="L201" s="444"/>
      <c r="M201" s="443"/>
      <c r="N201" s="444"/>
      <c r="O201" s="443"/>
      <c r="P201" s="451"/>
      <c r="Q201" s="21"/>
      <c r="R201" s="77"/>
    </row>
    <row r="202" spans="1:18" ht="15.95" customHeight="1" thickBot="1" x14ac:dyDescent="0.2">
      <c r="A202" s="18"/>
      <c r="B202" s="447">
        <v>76</v>
      </c>
      <c r="C202" s="912"/>
      <c r="D202" s="913"/>
      <c r="E202" s="916" t="s">
        <v>852</v>
      </c>
      <c r="F202" s="917"/>
      <c r="G202" s="917"/>
      <c r="H202" s="445"/>
      <c r="I202" s="442"/>
      <c r="J202" s="440" t="s">
        <v>853</v>
      </c>
      <c r="K202" s="443"/>
      <c r="L202" s="444"/>
      <c r="M202" s="443"/>
      <c r="N202" s="444"/>
      <c r="O202" s="443"/>
      <c r="P202" s="451"/>
      <c r="Q202" s="21"/>
      <c r="R202" s="77"/>
    </row>
    <row r="203" spans="1:18" ht="15.95" customHeight="1" thickBot="1" x14ac:dyDescent="0.2">
      <c r="A203" s="18"/>
      <c r="B203" s="447">
        <v>77</v>
      </c>
      <c r="C203" s="912"/>
      <c r="D203" s="913"/>
      <c r="E203" s="916" t="s">
        <v>854</v>
      </c>
      <c r="F203" s="917"/>
      <c r="G203" s="917"/>
      <c r="H203" s="445"/>
      <c r="I203" s="442"/>
      <c r="J203" s="440" t="s">
        <v>855</v>
      </c>
      <c r="K203" s="443"/>
      <c r="L203" s="444"/>
      <c r="M203" s="443"/>
      <c r="N203" s="444"/>
      <c r="O203" s="443"/>
      <c r="P203" s="451"/>
      <c r="Q203" s="21"/>
      <c r="R203" s="77"/>
    </row>
    <row r="204" spans="1:18" ht="15.95" customHeight="1" thickBot="1" x14ac:dyDescent="0.2">
      <c r="A204" s="18"/>
      <c r="B204" s="447">
        <v>78</v>
      </c>
      <c r="C204" s="912"/>
      <c r="D204" s="913"/>
      <c r="E204" s="916" t="s">
        <v>856</v>
      </c>
      <c r="F204" s="917"/>
      <c r="G204" s="917"/>
      <c r="H204" s="445"/>
      <c r="I204" s="442"/>
      <c r="J204" s="440" t="s">
        <v>857</v>
      </c>
      <c r="K204" s="443"/>
      <c r="L204" s="444"/>
      <c r="M204" s="443"/>
      <c r="N204" s="444"/>
      <c r="O204" s="443"/>
      <c r="P204" s="451"/>
      <c r="Q204" s="21"/>
      <c r="R204" s="77"/>
    </row>
    <row r="205" spans="1:18" ht="15.95" customHeight="1" thickBot="1" x14ac:dyDescent="0.2">
      <c r="A205" s="18"/>
      <c r="B205" s="447">
        <v>79</v>
      </c>
      <c r="C205" s="912"/>
      <c r="D205" s="913"/>
      <c r="E205" s="916" t="s">
        <v>858</v>
      </c>
      <c r="F205" s="917"/>
      <c r="G205" s="917"/>
      <c r="H205" s="441"/>
      <c r="I205" s="448"/>
      <c r="J205" s="449" t="s">
        <v>859</v>
      </c>
      <c r="K205" s="443"/>
      <c r="L205" s="444"/>
      <c r="M205" s="443"/>
      <c r="N205" s="444"/>
      <c r="O205" s="443"/>
      <c r="P205" s="451"/>
      <c r="Q205" s="21"/>
      <c r="R205" s="77"/>
    </row>
    <row r="206" spans="1:18" ht="15.95" customHeight="1" thickBot="1" x14ac:dyDescent="0.2">
      <c r="A206" s="18"/>
      <c r="B206" s="439">
        <v>80</v>
      </c>
      <c r="C206" s="912"/>
      <c r="D206" s="913"/>
      <c r="E206" s="945" t="s">
        <v>860</v>
      </c>
      <c r="F206" s="946"/>
      <c r="G206" s="946"/>
      <c r="H206" s="946"/>
      <c r="I206" s="947"/>
      <c r="J206" s="440" t="s">
        <v>861</v>
      </c>
      <c r="K206" s="443"/>
      <c r="L206" s="444"/>
      <c r="M206" s="443"/>
      <c r="N206" s="444"/>
      <c r="O206" s="443"/>
      <c r="P206" s="451"/>
      <c r="Q206" s="21"/>
      <c r="R206" s="77"/>
    </row>
    <row r="207" spans="1:18" ht="15.95" customHeight="1" thickBot="1" x14ac:dyDescent="0.2">
      <c r="A207" s="18"/>
      <c r="B207" s="439">
        <v>81</v>
      </c>
      <c r="C207" s="912"/>
      <c r="D207" s="913"/>
      <c r="E207" s="945" t="s">
        <v>862</v>
      </c>
      <c r="F207" s="946"/>
      <c r="G207" s="946"/>
      <c r="H207" s="946"/>
      <c r="I207" s="947"/>
      <c r="J207" s="440" t="s">
        <v>863</v>
      </c>
      <c r="K207" s="443"/>
      <c r="L207" s="444"/>
      <c r="M207" s="443"/>
      <c r="N207" s="444"/>
      <c r="O207" s="443"/>
      <c r="P207" s="451"/>
      <c r="Q207" s="21"/>
      <c r="R207" s="77"/>
    </row>
    <row r="208" spans="1:18" ht="15.95" customHeight="1" thickBot="1" x14ac:dyDescent="0.2">
      <c r="A208" s="18"/>
      <c r="B208" s="439">
        <v>82</v>
      </c>
      <c r="C208" s="912"/>
      <c r="D208" s="913"/>
      <c r="E208" s="916" t="s">
        <v>864</v>
      </c>
      <c r="F208" s="917"/>
      <c r="G208" s="917"/>
      <c r="H208" s="445"/>
      <c r="I208" s="442"/>
      <c r="J208" s="440" t="s">
        <v>865</v>
      </c>
      <c r="K208" s="443"/>
      <c r="L208" s="444"/>
      <c r="M208" s="443"/>
      <c r="N208" s="444"/>
      <c r="O208" s="443"/>
      <c r="P208" s="451"/>
      <c r="Q208" s="21"/>
      <c r="R208" s="77"/>
    </row>
    <row r="209" spans="1:18" ht="27.75" customHeight="1" thickBot="1" x14ac:dyDescent="0.2">
      <c r="A209" s="18"/>
      <c r="B209" s="439">
        <v>83</v>
      </c>
      <c r="C209" s="912"/>
      <c r="D209" s="913"/>
      <c r="E209" s="916" t="s">
        <v>866</v>
      </c>
      <c r="F209" s="917"/>
      <c r="G209" s="917"/>
      <c r="H209" s="445"/>
      <c r="I209" s="442"/>
      <c r="J209" s="440" t="s">
        <v>867</v>
      </c>
      <c r="K209" s="443"/>
      <c r="L209" s="444"/>
      <c r="M209" s="443"/>
      <c r="N209" s="444"/>
      <c r="O209" s="443"/>
      <c r="P209" s="451"/>
      <c r="Q209" s="21"/>
      <c r="R209" s="77"/>
    </row>
    <row r="210" spans="1:18" ht="15.95" customHeight="1" thickBot="1" x14ac:dyDescent="0.2">
      <c r="A210" s="18"/>
      <c r="B210" s="439">
        <v>84</v>
      </c>
      <c r="C210" s="912"/>
      <c r="D210" s="913"/>
      <c r="E210" s="916" t="s">
        <v>868</v>
      </c>
      <c r="F210" s="917"/>
      <c r="G210" s="917"/>
      <c r="H210" s="445"/>
      <c r="I210" s="442"/>
      <c r="J210" s="440" t="s">
        <v>869</v>
      </c>
      <c r="K210" s="443"/>
      <c r="L210" s="444"/>
      <c r="M210" s="443"/>
      <c r="N210" s="444"/>
      <c r="O210" s="443"/>
      <c r="P210" s="451"/>
      <c r="Q210" s="21"/>
      <c r="R210" s="77"/>
    </row>
    <row r="211" spans="1:18" ht="15.95" customHeight="1" thickBot="1" x14ac:dyDescent="0.2">
      <c r="A211" s="18"/>
      <c r="B211" s="439">
        <v>85</v>
      </c>
      <c r="C211" s="912"/>
      <c r="D211" s="913"/>
      <c r="E211" s="916" t="s">
        <v>870</v>
      </c>
      <c r="F211" s="917"/>
      <c r="G211" s="917"/>
      <c r="H211" s="917"/>
      <c r="I211" s="918"/>
      <c r="J211" s="440" t="s">
        <v>871</v>
      </c>
      <c r="K211" s="443"/>
      <c r="L211" s="444"/>
      <c r="M211" s="443"/>
      <c r="N211" s="444"/>
      <c r="O211" s="443"/>
      <c r="P211" s="451"/>
      <c r="Q211" s="21"/>
      <c r="R211" s="77"/>
    </row>
    <row r="212" spans="1:18" ht="15.95" customHeight="1" thickBot="1" x14ac:dyDescent="0.2">
      <c r="A212" s="18"/>
      <c r="B212" s="439">
        <v>86</v>
      </c>
      <c r="C212" s="914"/>
      <c r="D212" s="915"/>
      <c r="E212" s="916" t="s">
        <v>872</v>
      </c>
      <c r="F212" s="917"/>
      <c r="G212" s="917"/>
      <c r="H212" s="445"/>
      <c r="I212" s="442"/>
      <c r="J212" s="440" t="s">
        <v>873</v>
      </c>
      <c r="K212" s="443"/>
      <c r="L212" s="444"/>
      <c r="M212" s="443"/>
      <c r="N212" s="444"/>
      <c r="O212" s="443"/>
      <c r="P212" s="451"/>
      <c r="Q212" s="21"/>
      <c r="R212" s="77"/>
    </row>
    <row r="213" spans="1:18" ht="15.95" customHeight="1" thickBot="1" x14ac:dyDescent="0.2">
      <c r="A213" s="18"/>
      <c r="B213" s="439">
        <v>87</v>
      </c>
      <c r="C213" s="944" t="s">
        <v>874</v>
      </c>
      <c r="D213" s="918"/>
      <c r="E213" s="916" t="s">
        <v>875</v>
      </c>
      <c r="F213" s="917"/>
      <c r="G213" s="917"/>
      <c r="H213" s="445"/>
      <c r="I213" s="442"/>
      <c r="J213" s="440" t="s">
        <v>876</v>
      </c>
      <c r="K213" s="443"/>
      <c r="L213" s="444"/>
      <c r="M213" s="443"/>
      <c r="N213" s="444"/>
      <c r="O213" s="443"/>
      <c r="P213" s="451"/>
      <c r="Q213" s="21"/>
      <c r="R213" s="77"/>
    </row>
    <row r="214" spans="1:18" ht="15.95" customHeight="1" thickBot="1" x14ac:dyDescent="0.2">
      <c r="A214" s="18"/>
      <c r="B214" s="439">
        <v>88</v>
      </c>
      <c r="C214" s="944" t="s">
        <v>877</v>
      </c>
      <c r="D214" s="918"/>
      <c r="E214" s="916" t="s">
        <v>878</v>
      </c>
      <c r="F214" s="917"/>
      <c r="G214" s="917"/>
      <c r="H214" s="445"/>
      <c r="I214" s="442"/>
      <c r="J214" s="440" t="s">
        <v>879</v>
      </c>
      <c r="K214" s="443"/>
      <c r="L214" s="444"/>
      <c r="M214" s="443"/>
      <c r="N214" s="444"/>
      <c r="O214" s="443"/>
      <c r="P214" s="451"/>
      <c r="Q214" s="21"/>
      <c r="R214" s="77"/>
    </row>
    <row r="215" spans="1:18" ht="15.95" customHeight="1" thickBot="1" x14ac:dyDescent="0.2">
      <c r="A215" s="18"/>
      <c r="B215" s="439">
        <v>89</v>
      </c>
      <c r="C215" s="950" t="s">
        <v>880</v>
      </c>
      <c r="D215" s="918"/>
      <c r="E215" s="950" t="s">
        <v>881</v>
      </c>
      <c r="F215" s="917"/>
      <c r="G215" s="917"/>
      <c r="H215" s="445"/>
      <c r="I215" s="442"/>
      <c r="J215" s="452">
        <v>2231335</v>
      </c>
      <c r="K215" s="443"/>
      <c r="L215" s="444"/>
      <c r="M215" s="443"/>
      <c r="N215" s="444"/>
      <c r="O215" s="443"/>
      <c r="P215" s="451"/>
      <c r="Q215" s="21"/>
      <c r="R215" s="77"/>
    </row>
    <row r="216" spans="1:18" ht="15.95" customHeight="1" thickBot="1" x14ac:dyDescent="0.2">
      <c r="A216" s="18"/>
      <c r="B216" s="439">
        <v>90</v>
      </c>
      <c r="C216" s="950" t="s">
        <v>882</v>
      </c>
      <c r="D216" s="918"/>
      <c r="E216" s="950" t="s">
        <v>883</v>
      </c>
      <c r="F216" s="917"/>
      <c r="G216" s="917"/>
      <c r="H216" s="445"/>
      <c r="I216" s="442"/>
      <c r="J216" s="453" t="s">
        <v>884</v>
      </c>
      <c r="K216" s="443"/>
      <c r="L216" s="444"/>
      <c r="M216" s="443"/>
      <c r="N216" s="444"/>
      <c r="O216" s="443"/>
      <c r="P216" s="451"/>
      <c r="Q216" s="21"/>
      <c r="R216" s="77"/>
    </row>
    <row r="217" spans="1:18" ht="48" customHeight="1" thickBot="1" x14ac:dyDescent="0.2">
      <c r="A217" s="18"/>
      <c r="B217" s="439">
        <v>91</v>
      </c>
      <c r="C217" s="950" t="s">
        <v>885</v>
      </c>
      <c r="D217" s="917"/>
      <c r="E217" s="950" t="s">
        <v>886</v>
      </c>
      <c r="F217" s="917"/>
      <c r="G217" s="917"/>
      <c r="H217" s="917"/>
      <c r="I217" s="918"/>
      <c r="J217" s="453" t="s">
        <v>887</v>
      </c>
      <c r="K217" s="443"/>
      <c r="L217" s="444"/>
      <c r="M217" s="443"/>
      <c r="N217" s="444"/>
      <c r="O217" s="443"/>
      <c r="P217" s="451"/>
      <c r="Q217" s="21"/>
      <c r="R217" s="77"/>
    </row>
    <row r="218" spans="1:18" ht="15.95" customHeight="1" thickBot="1" x14ac:dyDescent="0.2">
      <c r="A218" s="18"/>
      <c r="B218" s="439">
        <v>92</v>
      </c>
      <c r="C218" s="948" t="s">
        <v>77</v>
      </c>
      <c r="D218" s="949"/>
      <c r="E218" s="916" t="s">
        <v>888</v>
      </c>
      <c r="F218" s="917"/>
      <c r="G218" s="917"/>
      <c r="H218" s="445"/>
      <c r="I218" s="442"/>
      <c r="J218" s="440" t="s">
        <v>889</v>
      </c>
      <c r="K218" s="443"/>
      <c r="L218" s="444"/>
      <c r="M218" s="443"/>
      <c r="N218" s="444"/>
      <c r="O218" s="443"/>
      <c r="P218" s="451"/>
      <c r="Q218" s="21"/>
      <c r="R218" s="77"/>
    </row>
    <row r="219" spans="1:18" ht="15.95" customHeight="1" thickBot="1" x14ac:dyDescent="0.2">
      <c r="A219" s="18"/>
      <c r="B219" s="439">
        <v>93</v>
      </c>
      <c r="C219" s="948" t="s">
        <v>77</v>
      </c>
      <c r="D219" s="949"/>
      <c r="E219" s="916" t="s">
        <v>890</v>
      </c>
      <c r="F219" s="917"/>
      <c r="G219" s="917"/>
      <c r="H219" s="445"/>
      <c r="I219" s="442"/>
      <c r="J219" s="440" t="s">
        <v>891</v>
      </c>
      <c r="K219" s="443"/>
      <c r="L219" s="444"/>
      <c r="M219" s="443"/>
      <c r="N219" s="444"/>
      <c r="O219" s="443"/>
      <c r="P219" s="451"/>
      <c r="Q219" s="21"/>
      <c r="R219" s="77"/>
    </row>
    <row r="220" spans="1:18" ht="15.95" customHeight="1" thickBot="1" x14ac:dyDescent="0.2">
      <c r="A220" s="18"/>
      <c r="B220" s="439">
        <v>94</v>
      </c>
      <c r="C220" s="948" t="s">
        <v>77</v>
      </c>
      <c r="D220" s="949"/>
      <c r="E220" s="916" t="s">
        <v>892</v>
      </c>
      <c r="F220" s="917"/>
      <c r="G220" s="917"/>
      <c r="H220" s="445"/>
      <c r="I220" s="442"/>
      <c r="J220" s="440" t="s">
        <v>893</v>
      </c>
      <c r="K220" s="443"/>
      <c r="L220" s="444"/>
      <c r="M220" s="443"/>
      <c r="N220" s="444"/>
      <c r="O220" s="443"/>
      <c r="P220" s="451"/>
      <c r="Q220" s="21"/>
      <c r="R220" s="77"/>
    </row>
    <row r="221" spans="1:18" ht="32.1" customHeight="1" thickBot="1" x14ac:dyDescent="0.2">
      <c r="A221" s="18"/>
      <c r="B221" s="439">
        <v>95</v>
      </c>
      <c r="C221" s="948" t="s">
        <v>77</v>
      </c>
      <c r="D221" s="949"/>
      <c r="E221" s="916" t="s">
        <v>894</v>
      </c>
      <c r="F221" s="917"/>
      <c r="G221" s="917"/>
      <c r="H221" s="917"/>
      <c r="I221" s="918"/>
      <c r="J221" s="440" t="s">
        <v>895</v>
      </c>
      <c r="K221" s="443"/>
      <c r="L221" s="444"/>
      <c r="M221" s="443"/>
      <c r="N221" s="444"/>
      <c r="O221" s="443"/>
      <c r="P221" s="451"/>
      <c r="Q221" s="21"/>
      <c r="R221" s="77"/>
    </row>
    <row r="222" spans="1:18" ht="15.95" customHeight="1" thickBot="1" x14ac:dyDescent="0.2">
      <c r="A222" s="18"/>
      <c r="B222" s="439">
        <v>96</v>
      </c>
      <c r="C222" s="948" t="s">
        <v>77</v>
      </c>
      <c r="D222" s="949"/>
      <c r="E222" s="916" t="s">
        <v>896</v>
      </c>
      <c r="F222" s="917"/>
      <c r="G222" s="917"/>
      <c r="H222" s="445"/>
      <c r="I222" s="442"/>
      <c r="J222" s="440" t="s">
        <v>897</v>
      </c>
      <c r="K222" s="443"/>
      <c r="L222" s="444"/>
      <c r="M222" s="443"/>
      <c r="N222" s="444"/>
      <c r="O222" s="443"/>
      <c r="P222" s="451"/>
      <c r="Q222" s="21"/>
      <c r="R222" s="77"/>
    </row>
    <row r="223" spans="1:18" ht="32.1" customHeight="1" thickBot="1" x14ac:dyDescent="0.2">
      <c r="A223" s="18"/>
      <c r="B223" s="439">
        <v>97</v>
      </c>
      <c r="C223" s="948" t="s">
        <v>77</v>
      </c>
      <c r="D223" s="949"/>
      <c r="E223" s="916" t="s">
        <v>898</v>
      </c>
      <c r="F223" s="917"/>
      <c r="G223" s="917"/>
      <c r="H223" s="917"/>
      <c r="I223" s="918"/>
      <c r="J223" s="440" t="s">
        <v>899</v>
      </c>
      <c r="K223" s="443"/>
      <c r="L223" s="444"/>
      <c r="M223" s="443"/>
      <c r="N223" s="444"/>
      <c r="O223" s="443"/>
      <c r="P223" s="451"/>
      <c r="Q223" s="21"/>
      <c r="R223" s="77"/>
    </row>
    <row r="224" spans="1:18" ht="15.95" customHeight="1" thickBot="1" x14ac:dyDescent="0.2">
      <c r="A224" s="18"/>
      <c r="B224" s="439">
        <v>98</v>
      </c>
      <c r="C224" s="948" t="s">
        <v>77</v>
      </c>
      <c r="D224" s="949"/>
      <c r="E224" s="916" t="s">
        <v>900</v>
      </c>
      <c r="F224" s="917"/>
      <c r="G224" s="917"/>
      <c r="H224" s="917"/>
      <c r="I224" s="918"/>
      <c r="J224" s="440" t="s">
        <v>901</v>
      </c>
      <c r="K224" s="443"/>
      <c r="L224" s="444"/>
      <c r="M224" s="443"/>
      <c r="N224" s="444"/>
      <c r="O224" s="443"/>
      <c r="P224" s="451"/>
      <c r="Q224" s="21"/>
      <c r="R224" s="77"/>
    </row>
    <row r="225" spans="1:18" ht="15.95" customHeight="1" thickBot="1" x14ac:dyDescent="0.2">
      <c r="A225" s="18"/>
      <c r="B225" s="447">
        <v>99</v>
      </c>
      <c r="C225" s="948" t="s">
        <v>77</v>
      </c>
      <c r="D225" s="949"/>
      <c r="E225" s="916" t="s">
        <v>902</v>
      </c>
      <c r="F225" s="917"/>
      <c r="G225" s="917"/>
      <c r="H225" s="917"/>
      <c r="I225" s="918"/>
      <c r="J225" s="449" t="s">
        <v>903</v>
      </c>
      <c r="K225" s="443"/>
      <c r="L225" s="444"/>
      <c r="M225" s="443"/>
      <c r="N225" s="451"/>
      <c r="O225" s="21"/>
      <c r="P225" s="77"/>
      <c r="Q225" s="77"/>
      <c r="R225" s="77"/>
    </row>
    <row r="226" spans="1:18" ht="15.95" customHeight="1" thickBot="1" x14ac:dyDescent="0.2">
      <c r="A226" s="18"/>
      <c r="B226" s="439">
        <v>100</v>
      </c>
      <c r="C226" s="948" t="s">
        <v>77</v>
      </c>
      <c r="D226" s="949"/>
      <c r="E226" s="916" t="s">
        <v>904</v>
      </c>
      <c r="F226" s="917"/>
      <c r="G226" s="917"/>
      <c r="H226" s="445"/>
      <c r="I226" s="442"/>
      <c r="J226" s="440" t="s">
        <v>905</v>
      </c>
      <c r="K226" s="443"/>
      <c r="L226" s="444"/>
      <c r="M226" s="443"/>
      <c r="N226" s="451"/>
      <c r="O226" s="21"/>
      <c r="P226" s="77"/>
      <c r="Q226" s="77"/>
      <c r="R226" s="77"/>
    </row>
    <row r="227" spans="1:18" ht="15.95" customHeight="1" thickBot="1" x14ac:dyDescent="0.2">
      <c r="A227" s="18"/>
      <c r="B227" s="439">
        <v>101</v>
      </c>
      <c r="C227" s="948" t="s">
        <v>77</v>
      </c>
      <c r="D227" s="949"/>
      <c r="E227" s="916" t="s">
        <v>906</v>
      </c>
      <c r="F227" s="917"/>
      <c r="G227" s="917"/>
      <c r="H227" s="445"/>
      <c r="I227" s="442"/>
      <c r="J227" s="440" t="s">
        <v>907</v>
      </c>
      <c r="K227" s="443"/>
      <c r="L227" s="444"/>
      <c r="M227" s="443"/>
      <c r="N227" s="451"/>
      <c r="O227" s="21"/>
      <c r="P227" s="77"/>
      <c r="Q227" s="77"/>
      <c r="R227" s="77"/>
    </row>
    <row r="228" spans="1:18" ht="15.95" customHeight="1" thickBot="1" x14ac:dyDescent="0.2">
      <c r="A228" s="18"/>
      <c r="B228" s="439">
        <v>102</v>
      </c>
      <c r="C228" s="948" t="s">
        <v>77</v>
      </c>
      <c r="D228" s="949"/>
      <c r="E228" s="916" t="s">
        <v>908</v>
      </c>
      <c r="F228" s="917"/>
      <c r="G228" s="917"/>
      <c r="H228" s="445"/>
      <c r="I228" s="442"/>
      <c r="J228" s="440" t="s">
        <v>909</v>
      </c>
      <c r="K228" s="443"/>
      <c r="L228" s="444"/>
      <c r="M228" s="443"/>
      <c r="N228" s="451"/>
      <c r="O228" s="21"/>
      <c r="P228" s="77"/>
      <c r="Q228" s="77"/>
      <c r="R228" s="77"/>
    </row>
    <row r="229" spans="1:18" ht="15.95" customHeight="1" thickBot="1" x14ac:dyDescent="0.2">
      <c r="A229" s="18"/>
      <c r="B229" s="439">
        <v>103</v>
      </c>
      <c r="C229" s="948" t="s">
        <v>77</v>
      </c>
      <c r="D229" s="949"/>
      <c r="E229" s="916" t="s">
        <v>910</v>
      </c>
      <c r="F229" s="917"/>
      <c r="G229" s="917"/>
      <c r="H229" s="445"/>
      <c r="I229" s="442"/>
      <c r="J229" s="440" t="s">
        <v>911</v>
      </c>
      <c r="K229" s="443"/>
      <c r="L229" s="444"/>
      <c r="M229" s="443"/>
      <c r="N229" s="451"/>
      <c r="O229" s="21"/>
      <c r="P229" s="77"/>
      <c r="Q229" s="77"/>
      <c r="R229" s="77"/>
    </row>
    <row r="230" spans="1:18" ht="15.95" customHeight="1" thickBot="1" x14ac:dyDescent="0.2">
      <c r="A230" s="18"/>
      <c r="B230" s="439">
        <v>104</v>
      </c>
      <c r="C230" s="948" t="s">
        <v>77</v>
      </c>
      <c r="D230" s="949"/>
      <c r="E230" s="916" t="s">
        <v>912</v>
      </c>
      <c r="F230" s="917"/>
      <c r="G230" s="917"/>
      <c r="H230" s="445"/>
      <c r="I230" s="442"/>
      <c r="J230" s="440" t="s">
        <v>913</v>
      </c>
      <c r="K230" s="443"/>
      <c r="L230" s="444"/>
      <c r="M230" s="443"/>
      <c r="N230" s="451"/>
      <c r="O230" s="21"/>
      <c r="P230" s="77"/>
      <c r="Q230" s="77"/>
      <c r="R230" s="77"/>
    </row>
    <row r="231" spans="1:18" ht="32.1" customHeight="1" thickBot="1" x14ac:dyDescent="0.2">
      <c r="A231" s="18"/>
      <c r="B231" s="439">
        <v>105</v>
      </c>
      <c r="C231" s="948" t="s">
        <v>77</v>
      </c>
      <c r="D231" s="949"/>
      <c r="E231" s="916" t="s">
        <v>914</v>
      </c>
      <c r="F231" s="917"/>
      <c r="G231" s="917"/>
      <c r="H231" s="917"/>
      <c r="I231" s="918"/>
      <c r="J231" s="440" t="s">
        <v>915</v>
      </c>
      <c r="K231" s="443"/>
      <c r="L231" s="444"/>
      <c r="M231" s="443"/>
      <c r="N231" s="451"/>
      <c r="O231" s="21"/>
      <c r="P231" s="77"/>
      <c r="Q231" s="77"/>
      <c r="R231" s="77"/>
    </row>
    <row r="232" spans="1:18" ht="32.1" customHeight="1" thickBot="1" x14ac:dyDescent="0.2">
      <c r="A232" s="18"/>
      <c r="B232" s="439">
        <v>106</v>
      </c>
      <c r="C232" s="948" t="s">
        <v>77</v>
      </c>
      <c r="D232" s="949"/>
      <c r="E232" s="916" t="s">
        <v>916</v>
      </c>
      <c r="F232" s="917"/>
      <c r="G232" s="917"/>
      <c r="H232" s="917"/>
      <c r="I232" s="918"/>
      <c r="J232" s="440" t="s">
        <v>917</v>
      </c>
      <c r="K232" s="443"/>
      <c r="L232" s="451"/>
      <c r="M232" s="21"/>
      <c r="N232" s="77"/>
      <c r="O232" s="77"/>
      <c r="P232" s="77"/>
      <c r="Q232" s="77"/>
      <c r="R232" s="77"/>
    </row>
    <row r="233" spans="1:18" ht="48" customHeight="1" thickBot="1" x14ac:dyDescent="0.2">
      <c r="A233" s="18"/>
      <c r="B233" s="439">
        <v>107</v>
      </c>
      <c r="C233" s="948" t="s">
        <v>77</v>
      </c>
      <c r="D233" s="949"/>
      <c r="E233" s="916" t="s">
        <v>918</v>
      </c>
      <c r="F233" s="917"/>
      <c r="G233" s="917"/>
      <c r="H233" s="917"/>
      <c r="I233" s="918"/>
      <c r="J233" s="440" t="s">
        <v>919</v>
      </c>
      <c r="K233" s="443"/>
      <c r="L233" s="451"/>
      <c r="M233" s="21"/>
      <c r="N233" s="77"/>
      <c r="O233" s="77"/>
      <c r="P233" s="77"/>
      <c r="Q233" s="77"/>
      <c r="R233" s="77"/>
    </row>
    <row r="234" spans="1:18" ht="32.1" customHeight="1" thickBot="1" x14ac:dyDescent="0.2">
      <c r="A234" s="18"/>
      <c r="B234" s="439">
        <v>108</v>
      </c>
      <c r="C234" s="948" t="s">
        <v>77</v>
      </c>
      <c r="D234" s="949"/>
      <c r="E234" s="916" t="s">
        <v>920</v>
      </c>
      <c r="F234" s="917"/>
      <c r="G234" s="917"/>
      <c r="H234" s="917"/>
      <c r="I234" s="918"/>
      <c r="J234" s="440" t="s">
        <v>921</v>
      </c>
      <c r="K234" s="443"/>
      <c r="L234" s="451"/>
      <c r="M234" s="21"/>
      <c r="N234" s="77"/>
      <c r="O234" s="77"/>
      <c r="P234" s="77"/>
      <c r="Q234" s="77"/>
      <c r="R234" s="77"/>
    </row>
    <row r="235" spans="1:18" ht="32.1" customHeight="1" thickBot="1" x14ac:dyDescent="0.2">
      <c r="A235" s="18"/>
      <c r="B235" s="439">
        <v>109</v>
      </c>
      <c r="C235" s="948" t="s">
        <v>77</v>
      </c>
      <c r="D235" s="951"/>
      <c r="E235" s="916" t="s">
        <v>922</v>
      </c>
      <c r="F235" s="917"/>
      <c r="G235" s="917"/>
      <c r="H235" s="917"/>
      <c r="I235" s="918"/>
      <c r="J235" s="440" t="s">
        <v>923</v>
      </c>
      <c r="K235" s="443"/>
      <c r="L235" s="451"/>
      <c r="M235" s="21"/>
      <c r="N235" s="77"/>
      <c r="O235" s="77"/>
      <c r="P235" s="77"/>
      <c r="Q235" s="77"/>
      <c r="R235" s="77"/>
    </row>
    <row r="236" spans="1:18" ht="15.95" customHeight="1" thickBot="1" x14ac:dyDescent="0.2">
      <c r="A236" s="18"/>
      <c r="B236" s="439">
        <v>110</v>
      </c>
      <c r="C236" s="948" t="s">
        <v>77</v>
      </c>
      <c r="D236" s="949"/>
      <c r="E236" s="916" t="s">
        <v>924</v>
      </c>
      <c r="F236" s="917"/>
      <c r="G236" s="917"/>
      <c r="H236" s="445"/>
      <c r="I236" s="442"/>
      <c r="J236" s="440" t="s">
        <v>925</v>
      </c>
      <c r="K236" s="443"/>
      <c r="L236" s="451"/>
      <c r="M236" s="21"/>
      <c r="N236" s="77"/>
      <c r="O236" s="77"/>
      <c r="P236" s="77"/>
      <c r="Q236" s="77"/>
      <c r="R236" s="77"/>
    </row>
    <row r="237" spans="1:18" ht="15.95" customHeight="1" thickBot="1" x14ac:dyDescent="0.2">
      <c r="A237" s="18"/>
      <c r="B237" s="439">
        <v>111</v>
      </c>
      <c r="C237" s="948" t="s">
        <v>77</v>
      </c>
      <c r="D237" s="949"/>
      <c r="E237" s="916" t="s">
        <v>926</v>
      </c>
      <c r="F237" s="917"/>
      <c r="G237" s="917"/>
      <c r="H237" s="445"/>
      <c r="I237" s="442"/>
      <c r="J237" s="440" t="s">
        <v>927</v>
      </c>
      <c r="K237" s="443"/>
      <c r="L237" s="451"/>
      <c r="M237" s="21"/>
      <c r="N237" s="77"/>
      <c r="O237" s="77"/>
      <c r="P237" s="77"/>
      <c r="Q237" s="77"/>
      <c r="R237" s="77"/>
    </row>
    <row r="238" spans="1:18" ht="15.95" customHeight="1" thickBot="1" x14ac:dyDescent="0.2">
      <c r="A238" s="18"/>
      <c r="B238" s="439">
        <v>112</v>
      </c>
      <c r="C238" s="948" t="s">
        <v>77</v>
      </c>
      <c r="D238" s="949"/>
      <c r="E238" s="916" t="s">
        <v>928</v>
      </c>
      <c r="F238" s="917"/>
      <c r="G238" s="917"/>
      <c r="H238" s="445"/>
      <c r="I238" s="442"/>
      <c r="J238" s="440" t="s">
        <v>929</v>
      </c>
      <c r="K238" s="443"/>
      <c r="L238" s="451"/>
      <c r="M238" s="21"/>
      <c r="N238" s="77"/>
      <c r="O238" s="77"/>
      <c r="P238" s="77"/>
      <c r="Q238" s="77"/>
      <c r="R238" s="77"/>
    </row>
    <row r="239" spans="1:18" ht="15.95" customHeight="1" thickBot="1" x14ac:dyDescent="0.2">
      <c r="A239" s="18"/>
      <c r="B239" s="439">
        <v>113</v>
      </c>
      <c r="C239" s="948" t="s">
        <v>77</v>
      </c>
      <c r="D239" s="949"/>
      <c r="E239" s="916" t="s">
        <v>930</v>
      </c>
      <c r="F239" s="917"/>
      <c r="G239" s="917"/>
      <c r="H239" s="917"/>
      <c r="I239" s="918"/>
      <c r="J239" s="446">
        <v>232418</v>
      </c>
      <c r="K239" s="443"/>
      <c r="L239" s="451"/>
      <c r="M239" s="21"/>
      <c r="N239" s="77"/>
      <c r="O239" s="77"/>
      <c r="P239" s="77"/>
      <c r="Q239" s="77"/>
      <c r="R239" s="77"/>
    </row>
    <row r="240" spans="1:18" ht="15.95" customHeight="1" thickBot="1" x14ac:dyDescent="0.2">
      <c r="A240" s="18"/>
      <c r="B240" s="439">
        <v>114</v>
      </c>
      <c r="C240" s="948" t="s">
        <v>77</v>
      </c>
      <c r="D240" s="949"/>
      <c r="E240" s="916" t="s">
        <v>931</v>
      </c>
      <c r="F240" s="917"/>
      <c r="G240" s="917"/>
      <c r="H240" s="445"/>
      <c r="I240" s="442"/>
      <c r="J240" s="440" t="s">
        <v>932</v>
      </c>
      <c r="K240" s="443"/>
      <c r="L240" s="451"/>
      <c r="M240" s="21"/>
      <c r="N240" s="77"/>
      <c r="O240" s="77"/>
      <c r="P240" s="77"/>
      <c r="Q240" s="77"/>
      <c r="R240" s="77"/>
    </row>
    <row r="241" spans="1:18" ht="15.95" customHeight="1" thickBot="1" x14ac:dyDescent="0.2">
      <c r="A241" s="18"/>
      <c r="B241" s="439">
        <v>115</v>
      </c>
      <c r="C241" s="948" t="s">
        <v>77</v>
      </c>
      <c r="D241" s="949"/>
      <c r="E241" s="916" t="s">
        <v>933</v>
      </c>
      <c r="F241" s="917"/>
      <c r="G241" s="917"/>
      <c r="H241" s="917"/>
      <c r="I241" s="918"/>
      <c r="J241" s="440" t="s">
        <v>934</v>
      </c>
      <c r="K241" s="443"/>
      <c r="L241" s="451"/>
      <c r="M241" s="21"/>
      <c r="N241" s="77"/>
      <c r="O241" s="77"/>
      <c r="P241" s="77"/>
      <c r="Q241" s="77"/>
      <c r="R241" s="77"/>
    </row>
    <row r="242" spans="1:18" ht="15.95" customHeight="1" thickBot="1" x14ac:dyDescent="0.2">
      <c r="A242" s="18"/>
      <c r="B242" s="439">
        <v>116</v>
      </c>
      <c r="C242" s="948" t="s">
        <v>77</v>
      </c>
      <c r="D242" s="949"/>
      <c r="E242" s="916" t="s">
        <v>935</v>
      </c>
      <c r="F242" s="917"/>
      <c r="G242" s="917"/>
      <c r="H242" s="445"/>
      <c r="I242" s="442"/>
      <c r="J242" s="440" t="s">
        <v>936</v>
      </c>
      <c r="K242" s="443"/>
      <c r="L242" s="451"/>
      <c r="M242" s="21"/>
      <c r="N242" s="77"/>
      <c r="O242" s="77"/>
      <c r="P242" s="77"/>
      <c r="Q242" s="77"/>
      <c r="R242" s="77"/>
    </row>
    <row r="243" spans="1:18" ht="15.95" customHeight="1" thickBot="1" x14ac:dyDescent="0.2">
      <c r="A243" s="18"/>
      <c r="B243" s="439">
        <v>117</v>
      </c>
      <c r="C243" s="948" t="s">
        <v>77</v>
      </c>
      <c r="D243" s="949"/>
      <c r="E243" s="916" t="s">
        <v>937</v>
      </c>
      <c r="F243" s="917"/>
      <c r="G243" s="917"/>
      <c r="H243" s="445"/>
      <c r="I243" s="442"/>
      <c r="J243" s="440" t="s">
        <v>938</v>
      </c>
      <c r="K243" s="443"/>
      <c r="L243" s="451"/>
      <c r="M243" s="21"/>
      <c r="N243" s="77"/>
      <c r="O243" s="77"/>
      <c r="P243" s="77"/>
      <c r="Q243" s="77"/>
      <c r="R243" s="77"/>
    </row>
    <row r="244" spans="1:18" ht="15.95" customHeight="1" thickBot="1" x14ac:dyDescent="0.2">
      <c r="A244" s="18"/>
      <c r="B244" s="447">
        <v>118</v>
      </c>
      <c r="C244" s="948" t="s">
        <v>77</v>
      </c>
      <c r="D244" s="949"/>
      <c r="E244" s="916" t="s">
        <v>939</v>
      </c>
      <c r="F244" s="917"/>
      <c r="G244" s="917"/>
      <c r="H244" s="441"/>
      <c r="I244" s="448"/>
      <c r="J244" s="449" t="s">
        <v>940</v>
      </c>
      <c r="K244" s="443"/>
      <c r="L244" s="451"/>
      <c r="M244" s="21"/>
      <c r="N244" s="77"/>
      <c r="O244" s="77"/>
      <c r="P244" s="77"/>
      <c r="Q244" s="77"/>
      <c r="R244" s="77"/>
    </row>
    <row r="245" spans="1:18" ht="15.95" customHeight="1" thickBot="1" x14ac:dyDescent="0.2">
      <c r="A245" s="18"/>
      <c r="B245" s="439">
        <v>119</v>
      </c>
      <c r="C245" s="948" t="s">
        <v>77</v>
      </c>
      <c r="D245" s="949"/>
      <c r="E245" s="916" t="s">
        <v>941</v>
      </c>
      <c r="F245" s="917"/>
      <c r="G245" s="917"/>
      <c r="H245" s="917"/>
      <c r="I245" s="918"/>
      <c r="J245" s="440" t="s">
        <v>942</v>
      </c>
      <c r="K245" s="443"/>
      <c r="L245" s="451"/>
      <c r="M245" s="21"/>
      <c r="N245" s="77"/>
      <c r="O245" s="77"/>
      <c r="P245" s="77"/>
      <c r="Q245" s="77"/>
      <c r="R245" s="77"/>
    </row>
    <row r="246" spans="1:18" ht="15.95" customHeight="1" thickBot="1" x14ac:dyDescent="0.2">
      <c r="A246" s="18"/>
      <c r="B246" s="439">
        <v>120</v>
      </c>
      <c r="C246" s="948" t="s">
        <v>77</v>
      </c>
      <c r="D246" s="949"/>
      <c r="E246" s="916" t="s">
        <v>943</v>
      </c>
      <c r="F246" s="917"/>
      <c r="G246" s="917"/>
      <c r="H246" s="445"/>
      <c r="I246" s="442"/>
      <c r="J246" s="440" t="s">
        <v>944</v>
      </c>
      <c r="K246" s="443"/>
      <c r="L246" s="451"/>
      <c r="M246" s="21"/>
      <c r="N246" s="77"/>
      <c r="O246" s="77"/>
      <c r="P246" s="77"/>
      <c r="Q246" s="77"/>
      <c r="R246" s="77"/>
    </row>
    <row r="247" spans="1:18" ht="15.95" customHeight="1" thickBot="1" x14ac:dyDescent="0.2">
      <c r="A247" s="18"/>
      <c r="B247" s="439">
        <v>121</v>
      </c>
      <c r="C247" s="948" t="s">
        <v>77</v>
      </c>
      <c r="D247" s="949"/>
      <c r="E247" s="916" t="s">
        <v>945</v>
      </c>
      <c r="F247" s="917"/>
      <c r="G247" s="917"/>
      <c r="H247" s="445"/>
      <c r="I247" s="442"/>
      <c r="J247" s="440" t="s">
        <v>946</v>
      </c>
      <c r="K247" s="443"/>
      <c r="L247" s="451"/>
      <c r="M247" s="21"/>
      <c r="N247" s="77"/>
      <c r="O247" s="77"/>
      <c r="P247" s="77"/>
      <c r="Q247" s="77"/>
      <c r="R247" s="77"/>
    </row>
    <row r="248" spans="1:18" ht="15.95" customHeight="1" thickBot="1" x14ac:dyDescent="0.2">
      <c r="A248" s="18"/>
      <c r="B248" s="439">
        <v>122</v>
      </c>
      <c r="C248" s="948" t="s">
        <v>77</v>
      </c>
      <c r="D248" s="949"/>
      <c r="E248" s="916" t="s">
        <v>947</v>
      </c>
      <c r="F248" s="917"/>
      <c r="G248" s="917"/>
      <c r="H248" s="445"/>
      <c r="I248" s="442"/>
      <c r="J248" s="440" t="s">
        <v>948</v>
      </c>
      <c r="K248" s="443"/>
      <c r="L248" s="451"/>
      <c r="M248" s="21"/>
      <c r="N248" s="77"/>
      <c r="O248" s="77"/>
      <c r="P248" s="77"/>
      <c r="Q248" s="77"/>
      <c r="R248" s="77"/>
    </row>
    <row r="249" spans="1:18" ht="15.95" customHeight="1" thickBot="1" x14ac:dyDescent="0.2">
      <c r="A249" s="18"/>
      <c r="B249" s="439">
        <v>123</v>
      </c>
      <c r="C249" s="948" t="s">
        <v>77</v>
      </c>
      <c r="D249" s="949"/>
      <c r="E249" s="916" t="s">
        <v>949</v>
      </c>
      <c r="F249" s="917"/>
      <c r="G249" s="917"/>
      <c r="H249" s="917"/>
      <c r="I249" s="918"/>
      <c r="J249" s="440" t="s">
        <v>950</v>
      </c>
      <c r="K249" s="443"/>
      <c r="L249" s="451"/>
      <c r="M249" s="21"/>
      <c r="N249" s="77"/>
      <c r="O249" s="77"/>
      <c r="P249" s="77"/>
      <c r="Q249" s="77"/>
      <c r="R249" s="77"/>
    </row>
    <row r="250" spans="1:18" ht="15.95" customHeight="1" thickBot="1" x14ac:dyDescent="0.2">
      <c r="A250" s="18"/>
      <c r="B250" s="439">
        <v>124</v>
      </c>
      <c r="C250" s="948" t="s">
        <v>77</v>
      </c>
      <c r="D250" s="949"/>
      <c r="E250" s="916" t="s">
        <v>951</v>
      </c>
      <c r="F250" s="917"/>
      <c r="G250" s="917"/>
      <c r="H250" s="445"/>
      <c r="I250" s="442"/>
      <c r="J250" s="440" t="s">
        <v>952</v>
      </c>
      <c r="K250" s="443"/>
      <c r="L250" s="451"/>
      <c r="M250" s="21"/>
      <c r="N250" s="77"/>
      <c r="O250" s="77"/>
      <c r="P250" s="77"/>
      <c r="Q250" s="77"/>
      <c r="R250" s="77"/>
    </row>
    <row r="251" spans="1:18" ht="15.95" customHeight="1" thickBot="1" x14ac:dyDescent="0.2">
      <c r="A251" s="18"/>
      <c r="B251" s="439">
        <v>125</v>
      </c>
      <c r="C251" s="948" t="s">
        <v>77</v>
      </c>
      <c r="D251" s="949"/>
      <c r="E251" s="916" t="s">
        <v>953</v>
      </c>
      <c r="F251" s="917"/>
      <c r="G251" s="917"/>
      <c r="H251" s="445"/>
      <c r="I251" s="442"/>
      <c r="J251" s="440" t="s">
        <v>954</v>
      </c>
      <c r="K251" s="443"/>
      <c r="L251" s="451"/>
      <c r="M251" s="21"/>
      <c r="N251" s="77"/>
      <c r="O251" s="77"/>
      <c r="P251" s="77"/>
      <c r="Q251" s="77"/>
      <c r="R251" s="77"/>
    </row>
    <row r="252" spans="1:18" ht="15.95" customHeight="1" thickBot="1" x14ac:dyDescent="0.2">
      <c r="A252" s="18"/>
      <c r="B252" s="439">
        <v>126</v>
      </c>
      <c r="C252" s="948" t="s">
        <v>77</v>
      </c>
      <c r="D252" s="949"/>
      <c r="E252" s="916" t="s">
        <v>955</v>
      </c>
      <c r="F252" s="917"/>
      <c r="G252" s="917"/>
      <c r="H252" s="445"/>
      <c r="I252" s="442"/>
      <c r="J252" s="440" t="s">
        <v>956</v>
      </c>
      <c r="K252" s="443"/>
      <c r="L252" s="451"/>
      <c r="M252" s="21"/>
      <c r="N252" s="77"/>
      <c r="O252" s="77"/>
      <c r="P252" s="77"/>
      <c r="Q252" s="77"/>
      <c r="R252" s="77"/>
    </row>
    <row r="253" spans="1:18" ht="15.95" customHeight="1" thickBot="1" x14ac:dyDescent="0.2">
      <c r="A253" s="18"/>
      <c r="B253" s="439">
        <v>127</v>
      </c>
      <c r="C253" s="948" t="s">
        <v>77</v>
      </c>
      <c r="D253" s="949"/>
      <c r="E253" s="916" t="s">
        <v>957</v>
      </c>
      <c r="F253" s="917"/>
      <c r="G253" s="917"/>
      <c r="H253" s="445"/>
      <c r="I253" s="442"/>
      <c r="J253" s="440" t="s">
        <v>958</v>
      </c>
      <c r="K253" s="443"/>
      <c r="L253" s="451"/>
      <c r="M253" s="21"/>
      <c r="N253" s="77"/>
      <c r="O253" s="77"/>
      <c r="P253" s="77"/>
      <c r="Q253" s="77"/>
      <c r="R253" s="77"/>
    </row>
    <row r="254" spans="1:18" ht="15.95" customHeight="1" thickBot="1" x14ac:dyDescent="0.2">
      <c r="A254" s="18"/>
      <c r="B254" s="439">
        <v>128</v>
      </c>
      <c r="C254" s="948" t="s">
        <v>77</v>
      </c>
      <c r="D254" s="949"/>
      <c r="E254" s="916" t="s">
        <v>959</v>
      </c>
      <c r="F254" s="917"/>
      <c r="G254" s="917"/>
      <c r="H254" s="445"/>
      <c r="I254" s="442"/>
      <c r="J254" s="440" t="s">
        <v>960</v>
      </c>
      <c r="K254" s="443"/>
      <c r="L254" s="451"/>
      <c r="M254" s="21"/>
      <c r="N254" s="77"/>
      <c r="O254" s="77"/>
      <c r="P254" s="77"/>
      <c r="Q254" s="77"/>
      <c r="R254" s="77"/>
    </row>
    <row r="255" spans="1:18" ht="15.95" customHeight="1" thickBot="1" x14ac:dyDescent="0.2">
      <c r="A255" s="18"/>
      <c r="B255" s="439">
        <v>129</v>
      </c>
      <c r="C255" s="948" t="s">
        <v>77</v>
      </c>
      <c r="D255" s="949"/>
      <c r="E255" s="916" t="s">
        <v>961</v>
      </c>
      <c r="F255" s="917"/>
      <c r="G255" s="917"/>
      <c r="H255" s="917"/>
      <c r="I255" s="918"/>
      <c r="J255" s="440" t="s">
        <v>962</v>
      </c>
      <c r="K255" s="443"/>
      <c r="L255" s="451"/>
      <c r="M255" s="21"/>
      <c r="N255" s="77"/>
      <c r="O255" s="77"/>
      <c r="P255" s="77"/>
      <c r="Q255" s="77"/>
      <c r="R255" s="77"/>
    </row>
    <row r="256" spans="1:18" ht="15.95" customHeight="1" thickBot="1" x14ac:dyDescent="0.2">
      <c r="A256" s="18"/>
      <c r="B256" s="439">
        <v>130</v>
      </c>
      <c r="C256" s="948" t="s">
        <v>77</v>
      </c>
      <c r="D256" s="949"/>
      <c r="E256" s="916" t="s">
        <v>963</v>
      </c>
      <c r="F256" s="917"/>
      <c r="G256" s="917"/>
      <c r="H256" s="445"/>
      <c r="I256" s="442"/>
      <c r="J256" s="440" t="s">
        <v>964</v>
      </c>
      <c r="K256" s="443"/>
      <c r="L256" s="451"/>
      <c r="M256" s="21"/>
      <c r="N256" s="77"/>
      <c r="O256" s="77"/>
      <c r="P256" s="77"/>
      <c r="Q256" s="77"/>
      <c r="R256" s="77"/>
    </row>
    <row r="257" spans="1:18" ht="15.95" customHeight="1" thickBot="1" x14ac:dyDescent="0.2">
      <c r="A257" s="18"/>
      <c r="B257" s="439">
        <v>131</v>
      </c>
      <c r="C257" s="948" t="s">
        <v>77</v>
      </c>
      <c r="D257" s="949"/>
      <c r="E257" s="916" t="s">
        <v>965</v>
      </c>
      <c r="F257" s="917"/>
      <c r="G257" s="917"/>
      <c r="H257" s="445"/>
      <c r="I257" s="442"/>
      <c r="J257" s="440" t="s">
        <v>966</v>
      </c>
      <c r="K257" s="443"/>
      <c r="L257" s="451"/>
      <c r="M257" s="21"/>
      <c r="N257" s="77"/>
      <c r="O257" s="77"/>
      <c r="P257" s="77"/>
      <c r="Q257" s="77"/>
      <c r="R257" s="77"/>
    </row>
    <row r="258" spans="1:18" ht="32.1" customHeight="1" thickBot="1" x14ac:dyDescent="0.2">
      <c r="A258" s="18"/>
      <c r="B258" s="439">
        <v>132</v>
      </c>
      <c r="C258" s="948" t="s">
        <v>77</v>
      </c>
      <c r="D258" s="949"/>
      <c r="E258" s="916" t="s">
        <v>967</v>
      </c>
      <c r="F258" s="917"/>
      <c r="G258" s="917"/>
      <c r="H258" s="917"/>
      <c r="I258" s="918"/>
      <c r="J258" s="440" t="s">
        <v>968</v>
      </c>
      <c r="K258" s="443"/>
      <c r="L258" s="451"/>
      <c r="M258" s="21"/>
      <c r="N258" s="77"/>
      <c r="O258" s="77"/>
      <c r="P258" s="77"/>
      <c r="Q258" s="77"/>
      <c r="R258" s="77"/>
    </row>
    <row r="259" spans="1:18" ht="15.95" customHeight="1" thickBot="1" x14ac:dyDescent="0.2">
      <c r="A259" s="18"/>
      <c r="B259" s="439">
        <v>133</v>
      </c>
      <c r="C259" s="948" t="s">
        <v>77</v>
      </c>
      <c r="D259" s="949"/>
      <c r="E259" s="916" t="s">
        <v>969</v>
      </c>
      <c r="F259" s="917"/>
      <c r="G259" s="917"/>
      <c r="H259" s="917"/>
      <c r="I259" s="918"/>
      <c r="J259" s="440" t="s">
        <v>970</v>
      </c>
      <c r="K259" s="443"/>
      <c r="L259" s="451"/>
      <c r="M259" s="21"/>
      <c r="N259" s="77"/>
      <c r="O259" s="77"/>
      <c r="P259" s="77"/>
      <c r="Q259" s="77"/>
      <c r="R259" s="77"/>
    </row>
    <row r="260" spans="1:18" ht="15.95" customHeight="1" thickBot="1" x14ac:dyDescent="0.2">
      <c r="A260" s="18"/>
      <c r="B260" s="439">
        <v>134</v>
      </c>
      <c r="C260" s="948" t="s">
        <v>77</v>
      </c>
      <c r="D260" s="949"/>
      <c r="E260" s="916" t="s">
        <v>971</v>
      </c>
      <c r="F260" s="917"/>
      <c r="G260" s="917"/>
      <c r="H260" s="445"/>
      <c r="I260" s="442"/>
      <c r="J260" s="440" t="s">
        <v>972</v>
      </c>
      <c r="K260" s="443"/>
      <c r="L260" s="451"/>
      <c r="M260" s="21"/>
      <c r="N260" s="77"/>
      <c r="O260" s="77"/>
      <c r="P260" s="77"/>
      <c r="Q260" s="77"/>
      <c r="R260" s="77"/>
    </row>
    <row r="261" spans="1:18" ht="15.95" customHeight="1" thickBot="1" x14ac:dyDescent="0.2">
      <c r="A261" s="18"/>
      <c r="B261" s="439">
        <v>135</v>
      </c>
      <c r="C261" s="948" t="s">
        <v>77</v>
      </c>
      <c r="D261" s="949"/>
      <c r="E261" s="916" t="s">
        <v>973</v>
      </c>
      <c r="F261" s="917"/>
      <c r="G261" s="917"/>
      <c r="H261" s="445"/>
      <c r="I261" s="442"/>
      <c r="J261" s="440" t="s">
        <v>974</v>
      </c>
      <c r="K261" s="443"/>
      <c r="L261" s="451"/>
      <c r="M261" s="21"/>
      <c r="N261" s="77"/>
      <c r="O261" s="77"/>
      <c r="P261" s="77"/>
      <c r="Q261" s="77"/>
      <c r="R261" s="77"/>
    </row>
    <row r="262" spans="1:18" ht="15.95" customHeight="1" thickBot="1" x14ac:dyDescent="0.2">
      <c r="A262" s="18"/>
      <c r="B262" s="439">
        <v>136</v>
      </c>
      <c r="C262" s="948" t="s">
        <v>77</v>
      </c>
      <c r="D262" s="949"/>
      <c r="E262" s="916" t="s">
        <v>975</v>
      </c>
      <c r="F262" s="917"/>
      <c r="G262" s="917"/>
      <c r="H262" s="445"/>
      <c r="I262" s="442"/>
      <c r="J262" s="440" t="s">
        <v>976</v>
      </c>
      <c r="K262" s="443"/>
      <c r="L262" s="451"/>
      <c r="M262" s="21"/>
      <c r="N262" s="77"/>
      <c r="O262" s="77"/>
      <c r="P262" s="77"/>
      <c r="Q262" s="77"/>
      <c r="R262" s="77"/>
    </row>
    <row r="263" spans="1:18" ht="15.95" customHeight="1" thickBot="1" x14ac:dyDescent="0.2">
      <c r="A263" s="18"/>
      <c r="B263" s="439">
        <v>137</v>
      </c>
      <c r="C263" s="948" t="s">
        <v>77</v>
      </c>
      <c r="D263" s="949"/>
      <c r="E263" s="916" t="s">
        <v>977</v>
      </c>
      <c r="F263" s="917"/>
      <c r="G263" s="917"/>
      <c r="H263" s="445"/>
      <c r="I263" s="442"/>
      <c r="J263" s="440" t="s">
        <v>978</v>
      </c>
      <c r="K263" s="443"/>
      <c r="L263" s="451"/>
      <c r="M263" s="21"/>
      <c r="N263" s="77"/>
      <c r="O263" s="77"/>
      <c r="P263" s="77"/>
      <c r="Q263" s="77"/>
      <c r="R263" s="77"/>
    </row>
    <row r="264" spans="1:18" ht="32.1" customHeight="1" thickBot="1" x14ac:dyDescent="0.2">
      <c r="A264" s="18"/>
      <c r="B264" s="439">
        <v>138</v>
      </c>
      <c r="C264" s="948" t="s">
        <v>77</v>
      </c>
      <c r="D264" s="949"/>
      <c r="E264" s="916" t="s">
        <v>979</v>
      </c>
      <c r="F264" s="917"/>
      <c r="G264" s="917"/>
      <c r="H264" s="917"/>
      <c r="I264" s="918"/>
      <c r="J264" s="440" t="s">
        <v>980</v>
      </c>
      <c r="K264" s="443"/>
      <c r="L264" s="451"/>
      <c r="M264" s="21"/>
      <c r="N264" s="77"/>
      <c r="O264" s="77"/>
      <c r="P264" s="77"/>
      <c r="Q264" s="77"/>
      <c r="R264" s="77"/>
    </row>
    <row r="265" spans="1:18" ht="15.95" customHeight="1" thickBot="1" x14ac:dyDescent="0.2">
      <c r="A265" s="18"/>
      <c r="B265" s="439">
        <v>139</v>
      </c>
      <c r="C265" s="948" t="s">
        <v>77</v>
      </c>
      <c r="D265" s="949"/>
      <c r="E265" s="916" t="s">
        <v>981</v>
      </c>
      <c r="F265" s="917"/>
      <c r="G265" s="917"/>
      <c r="H265" s="917"/>
      <c r="I265" s="918"/>
      <c r="J265" s="440" t="s">
        <v>982</v>
      </c>
      <c r="K265" s="443"/>
      <c r="L265" s="451"/>
      <c r="M265" s="21"/>
      <c r="N265" s="77"/>
      <c r="O265" s="77"/>
      <c r="P265" s="77"/>
      <c r="Q265" s="77"/>
      <c r="R265" s="77"/>
    </row>
    <row r="266" spans="1:18" ht="15.95" customHeight="1" thickBot="1" x14ac:dyDescent="0.2">
      <c r="A266" s="18"/>
      <c r="B266" s="439">
        <v>140</v>
      </c>
      <c r="C266" s="948" t="s">
        <v>77</v>
      </c>
      <c r="D266" s="949"/>
      <c r="E266" s="916" t="s">
        <v>983</v>
      </c>
      <c r="F266" s="917"/>
      <c r="G266" s="917"/>
      <c r="H266" s="445"/>
      <c r="I266" s="442"/>
      <c r="J266" s="440" t="s">
        <v>984</v>
      </c>
      <c r="K266" s="443"/>
      <c r="L266" s="451"/>
      <c r="M266" s="21"/>
      <c r="N266" s="77"/>
      <c r="O266" s="77"/>
      <c r="P266" s="77"/>
      <c r="Q266" s="77"/>
      <c r="R266" s="77"/>
    </row>
    <row r="267" spans="1:18" ht="15.95" customHeight="1" thickBot="1" x14ac:dyDescent="0.2">
      <c r="A267" s="18"/>
      <c r="B267" s="439">
        <v>141</v>
      </c>
      <c r="C267" s="948" t="s">
        <v>77</v>
      </c>
      <c r="D267" s="949"/>
      <c r="E267" s="916" t="s">
        <v>985</v>
      </c>
      <c r="F267" s="917"/>
      <c r="G267" s="917"/>
      <c r="H267" s="445"/>
      <c r="I267" s="442"/>
      <c r="J267" s="440" t="s">
        <v>986</v>
      </c>
      <c r="K267" s="443"/>
      <c r="L267" s="451"/>
      <c r="M267" s="21"/>
      <c r="N267" s="77"/>
      <c r="O267" s="77"/>
      <c r="P267" s="77"/>
      <c r="Q267" s="77"/>
      <c r="R267" s="77"/>
    </row>
    <row r="268" spans="1:18" ht="32.1" customHeight="1" thickBot="1" x14ac:dyDescent="0.2">
      <c r="A268" s="18"/>
      <c r="B268" s="439">
        <v>142</v>
      </c>
      <c r="C268" s="948" t="s">
        <v>77</v>
      </c>
      <c r="D268" s="949"/>
      <c r="E268" s="916" t="s">
        <v>987</v>
      </c>
      <c r="F268" s="917"/>
      <c r="G268" s="917"/>
      <c r="H268" s="917"/>
      <c r="I268" s="918"/>
      <c r="J268" s="446">
        <v>1791337</v>
      </c>
      <c r="K268" s="443"/>
      <c r="L268" s="451"/>
      <c r="M268" s="21"/>
      <c r="N268" s="77"/>
      <c r="O268" s="77"/>
      <c r="P268" s="77"/>
      <c r="Q268" s="77"/>
      <c r="R268" s="77"/>
    </row>
    <row r="269" spans="1:18" ht="15.95" customHeight="1" thickBot="1" x14ac:dyDescent="0.2">
      <c r="A269" s="18"/>
      <c r="B269" s="439">
        <v>143</v>
      </c>
      <c r="C269" s="948" t="s">
        <v>77</v>
      </c>
      <c r="D269" s="949"/>
      <c r="E269" s="916" t="s">
        <v>988</v>
      </c>
      <c r="F269" s="917"/>
      <c r="G269" s="917"/>
      <c r="H269" s="445"/>
      <c r="I269" s="442"/>
      <c r="J269" s="440" t="s">
        <v>989</v>
      </c>
      <c r="K269" s="443"/>
      <c r="L269" s="451"/>
      <c r="M269" s="21"/>
      <c r="N269" s="77"/>
      <c r="O269" s="77"/>
      <c r="P269" s="77"/>
      <c r="Q269" s="77"/>
      <c r="R269" s="77"/>
    </row>
    <row r="270" spans="1:18" ht="15.95" customHeight="1" thickBot="1" x14ac:dyDescent="0.2">
      <c r="A270" s="18"/>
      <c r="B270" s="439">
        <v>144</v>
      </c>
      <c r="C270" s="948" t="s">
        <v>77</v>
      </c>
      <c r="D270" s="949"/>
      <c r="E270" s="916" t="s">
        <v>990</v>
      </c>
      <c r="F270" s="917"/>
      <c r="G270" s="917"/>
      <c r="H270" s="917"/>
      <c r="I270" s="918"/>
      <c r="J270" s="440" t="s">
        <v>991</v>
      </c>
      <c r="K270" s="443"/>
      <c r="L270" s="451"/>
      <c r="M270" s="21"/>
      <c r="N270" s="77"/>
      <c r="O270" s="77"/>
      <c r="P270" s="77"/>
      <c r="Q270" s="77"/>
      <c r="R270" s="77"/>
    </row>
    <row r="271" spans="1:18" ht="15.95" customHeight="1" thickBot="1" x14ac:dyDescent="0.2">
      <c r="A271" s="18"/>
      <c r="B271" s="439">
        <v>145</v>
      </c>
      <c r="C271" s="948" t="s">
        <v>77</v>
      </c>
      <c r="D271" s="949"/>
      <c r="E271" s="916" t="s">
        <v>992</v>
      </c>
      <c r="F271" s="917"/>
      <c r="G271" s="917"/>
      <c r="H271" s="917"/>
      <c r="I271" s="918"/>
      <c r="J271" s="449" t="s">
        <v>993</v>
      </c>
      <c r="K271" s="443"/>
      <c r="L271" s="451"/>
      <c r="M271" s="21"/>
      <c r="N271" s="77"/>
      <c r="O271" s="77"/>
      <c r="P271" s="77"/>
      <c r="Q271" s="77"/>
      <c r="R271" s="77"/>
    </row>
    <row r="272" spans="1:18" ht="15.95" customHeight="1" thickBot="1" x14ac:dyDescent="0.2">
      <c r="A272" s="18"/>
      <c r="B272" s="439">
        <v>146</v>
      </c>
      <c r="C272" s="948" t="s">
        <v>77</v>
      </c>
      <c r="D272" s="949"/>
      <c r="E272" s="916" t="s">
        <v>994</v>
      </c>
      <c r="F272" s="917"/>
      <c r="G272" s="917"/>
      <c r="H272" s="445"/>
      <c r="I272" s="442"/>
      <c r="J272" s="440" t="s">
        <v>995</v>
      </c>
      <c r="K272" s="443"/>
      <c r="L272" s="451"/>
      <c r="M272" s="21"/>
      <c r="N272" s="77"/>
      <c r="O272" s="77"/>
      <c r="P272" s="77"/>
      <c r="Q272" s="77"/>
      <c r="R272" s="77"/>
    </row>
    <row r="273" spans="1:18" ht="15.95" customHeight="1" thickBot="1" x14ac:dyDescent="0.2">
      <c r="A273" s="18"/>
      <c r="B273" s="439">
        <v>147</v>
      </c>
      <c r="C273" s="948" t="s">
        <v>77</v>
      </c>
      <c r="D273" s="949"/>
      <c r="E273" s="916" t="s">
        <v>996</v>
      </c>
      <c r="F273" s="917"/>
      <c r="G273" s="917"/>
      <c r="H273" s="445"/>
      <c r="I273" s="442"/>
      <c r="J273" s="440" t="s">
        <v>997</v>
      </c>
      <c r="K273" s="443"/>
      <c r="L273" s="451"/>
      <c r="M273" s="21"/>
      <c r="N273" s="77"/>
      <c r="O273" s="77"/>
      <c r="P273" s="77"/>
      <c r="Q273" s="77"/>
      <c r="R273" s="77"/>
    </row>
    <row r="274" spans="1:18" ht="15.95" customHeight="1" thickBot="1" x14ac:dyDescent="0.2">
      <c r="A274" s="18"/>
      <c r="B274" s="439">
        <v>148</v>
      </c>
      <c r="C274" s="948" t="s">
        <v>77</v>
      </c>
      <c r="D274" s="949"/>
      <c r="E274" s="916" t="s">
        <v>998</v>
      </c>
      <c r="F274" s="917"/>
      <c r="G274" s="917"/>
      <c r="H274" s="445"/>
      <c r="I274" s="442"/>
      <c r="J274" s="440" t="s">
        <v>999</v>
      </c>
      <c r="K274" s="443"/>
      <c r="L274" s="451"/>
      <c r="M274" s="21"/>
      <c r="N274" s="77"/>
      <c r="O274" s="77"/>
      <c r="P274" s="77"/>
      <c r="Q274" s="77"/>
      <c r="R274" s="77"/>
    </row>
    <row r="275" spans="1:18" ht="15.95" customHeight="1" thickBot="1" x14ac:dyDescent="0.2">
      <c r="A275" s="18"/>
      <c r="B275" s="439">
        <v>149</v>
      </c>
      <c r="C275" s="948" t="s">
        <v>77</v>
      </c>
      <c r="D275" s="949"/>
      <c r="E275" s="916" t="s">
        <v>860</v>
      </c>
      <c r="F275" s="917"/>
      <c r="G275" s="917"/>
      <c r="H275" s="917"/>
      <c r="I275" s="918"/>
      <c r="J275" s="440" t="s">
        <v>1000</v>
      </c>
      <c r="K275" s="443"/>
      <c r="L275" s="451"/>
      <c r="M275" s="21"/>
      <c r="N275" s="77"/>
      <c r="O275" s="77"/>
      <c r="P275" s="77"/>
      <c r="Q275" s="77"/>
      <c r="R275" s="77"/>
    </row>
    <row r="276" spans="1:18" ht="15.95" customHeight="1" thickBot="1" x14ac:dyDescent="0.2">
      <c r="A276" s="18"/>
      <c r="B276" s="439">
        <v>150</v>
      </c>
      <c r="C276" s="948" t="s">
        <v>77</v>
      </c>
      <c r="D276" s="949"/>
      <c r="E276" s="916" t="s">
        <v>1001</v>
      </c>
      <c r="F276" s="917"/>
      <c r="G276" s="917"/>
      <c r="H276" s="917"/>
      <c r="I276" s="918"/>
      <c r="J276" s="440" t="s">
        <v>1002</v>
      </c>
      <c r="K276" s="443"/>
      <c r="L276" s="451"/>
      <c r="M276" s="21"/>
      <c r="N276" s="77"/>
      <c r="O276" s="77"/>
      <c r="P276" s="77"/>
      <c r="Q276" s="77"/>
      <c r="R276" s="77"/>
    </row>
    <row r="277" spans="1:18" ht="15.95" customHeight="1" thickBot="1" x14ac:dyDescent="0.2">
      <c r="A277" s="18"/>
      <c r="B277" s="439">
        <v>151</v>
      </c>
      <c r="C277" s="948" t="s">
        <v>77</v>
      </c>
      <c r="D277" s="949"/>
      <c r="E277" s="916" t="s">
        <v>1003</v>
      </c>
      <c r="F277" s="917"/>
      <c r="G277" s="917"/>
      <c r="H277" s="445"/>
      <c r="I277" s="442"/>
      <c r="J277" s="440" t="s">
        <v>1004</v>
      </c>
      <c r="K277" s="443"/>
      <c r="L277" s="451"/>
      <c r="M277" s="21"/>
      <c r="N277" s="77"/>
      <c r="O277" s="77"/>
      <c r="P277" s="77"/>
      <c r="Q277" s="77"/>
      <c r="R277" s="77"/>
    </row>
    <row r="278" spans="1:18" ht="15.95" customHeight="1" thickBot="1" x14ac:dyDescent="0.2">
      <c r="A278" s="18"/>
      <c r="B278" s="439">
        <v>152</v>
      </c>
      <c r="C278" s="948" t="s">
        <v>77</v>
      </c>
      <c r="D278" s="949"/>
      <c r="E278" s="916" t="s">
        <v>1005</v>
      </c>
      <c r="F278" s="917"/>
      <c r="G278" s="917"/>
      <c r="H278" s="445"/>
      <c r="I278" s="442"/>
      <c r="J278" s="440" t="s">
        <v>1006</v>
      </c>
      <c r="K278" s="443"/>
      <c r="L278" s="451"/>
      <c r="M278" s="21"/>
      <c r="N278" s="77"/>
      <c r="O278" s="77"/>
      <c r="P278" s="77"/>
      <c r="Q278" s="77"/>
      <c r="R278" s="77"/>
    </row>
    <row r="279" spans="1:18" ht="15.95" customHeight="1" thickBot="1" x14ac:dyDescent="0.2">
      <c r="A279" s="18"/>
      <c r="B279" s="439">
        <v>153</v>
      </c>
      <c r="C279" s="948" t="s">
        <v>77</v>
      </c>
      <c r="D279" s="949"/>
      <c r="E279" s="916" t="s">
        <v>1007</v>
      </c>
      <c r="F279" s="917"/>
      <c r="G279" s="917"/>
      <c r="H279" s="445"/>
      <c r="I279" s="442"/>
      <c r="J279" s="440" t="s">
        <v>1008</v>
      </c>
      <c r="K279" s="443"/>
      <c r="L279" s="451"/>
      <c r="M279" s="21"/>
      <c r="N279" s="77"/>
      <c r="O279" s="77"/>
      <c r="P279" s="77"/>
      <c r="Q279" s="77"/>
      <c r="R279" s="77"/>
    </row>
    <row r="280" spans="1:18" ht="15.95" customHeight="1" thickBot="1" x14ac:dyDescent="0.2">
      <c r="A280" s="18"/>
      <c r="B280" s="439">
        <v>154</v>
      </c>
      <c r="C280" s="948" t="s">
        <v>77</v>
      </c>
      <c r="D280" s="949"/>
      <c r="E280" s="916" t="s">
        <v>1009</v>
      </c>
      <c r="F280" s="917"/>
      <c r="G280" s="917"/>
      <c r="H280" s="445"/>
      <c r="I280" s="442"/>
      <c r="J280" s="440" t="s">
        <v>1010</v>
      </c>
      <c r="K280" s="443"/>
      <c r="L280" s="451"/>
      <c r="M280" s="21"/>
      <c r="N280" s="77"/>
      <c r="O280" s="77"/>
      <c r="P280" s="77"/>
      <c r="Q280" s="77"/>
      <c r="R280" s="77"/>
    </row>
    <row r="281" spans="1:18" ht="15.95" customHeight="1" thickBot="1" x14ac:dyDescent="0.2">
      <c r="A281" s="18"/>
      <c r="B281" s="439">
        <v>155</v>
      </c>
      <c r="C281" s="948" t="s">
        <v>77</v>
      </c>
      <c r="D281" s="949"/>
      <c r="E281" s="916" t="s">
        <v>1011</v>
      </c>
      <c r="F281" s="917"/>
      <c r="G281" s="917"/>
      <c r="H281" s="917"/>
      <c r="I281" s="918"/>
      <c r="J281" s="440" t="s">
        <v>1012</v>
      </c>
      <c r="K281" s="21"/>
      <c r="L281" s="77"/>
      <c r="M281" s="77"/>
      <c r="N281" s="77"/>
      <c r="O281" s="77"/>
      <c r="P281" s="77"/>
      <c r="Q281" s="77"/>
      <c r="R281" s="77"/>
    </row>
    <row r="282" spans="1:18" ht="15.95" customHeight="1" thickBot="1" x14ac:dyDescent="0.2">
      <c r="A282" s="18"/>
      <c r="B282" s="439">
        <v>156</v>
      </c>
      <c r="C282" s="948" t="s">
        <v>77</v>
      </c>
      <c r="D282" s="949"/>
      <c r="E282" s="916" t="s">
        <v>1013</v>
      </c>
      <c r="F282" s="917"/>
      <c r="G282" s="917"/>
      <c r="H282" s="445"/>
      <c r="I282" s="442"/>
      <c r="J282" s="440" t="s">
        <v>1014</v>
      </c>
      <c r="K282" s="77"/>
      <c r="L282" s="77"/>
      <c r="M282" s="77"/>
      <c r="N282" s="77"/>
      <c r="O282" s="77"/>
      <c r="P282" s="77"/>
      <c r="Q282" s="77"/>
      <c r="R282" s="77"/>
    </row>
    <row r="283" spans="1:18" ht="15.95" customHeight="1" thickBot="1" x14ac:dyDescent="0.2">
      <c r="A283" s="77"/>
      <c r="B283" s="439">
        <v>157</v>
      </c>
      <c r="C283" s="948" t="s">
        <v>77</v>
      </c>
      <c r="D283" s="949"/>
      <c r="E283" s="916" t="s">
        <v>1015</v>
      </c>
      <c r="F283" s="917"/>
      <c r="G283" s="917"/>
      <c r="H283" s="445"/>
      <c r="I283" s="442"/>
      <c r="J283" s="446">
        <v>2139594</v>
      </c>
      <c r="K283" s="77"/>
      <c r="L283" s="77"/>
      <c r="M283" s="77"/>
      <c r="N283" s="77"/>
      <c r="O283" s="77"/>
      <c r="P283" s="77"/>
      <c r="Q283" s="77"/>
      <c r="R283" s="77"/>
    </row>
    <row r="284" spans="1:18" ht="15.95" customHeight="1" thickBot="1" x14ac:dyDescent="0.2">
      <c r="A284" s="18"/>
      <c r="B284" s="439">
        <v>158</v>
      </c>
      <c r="C284" s="948" t="s">
        <v>77</v>
      </c>
      <c r="D284" s="949"/>
      <c r="E284" s="916" t="s">
        <v>1016</v>
      </c>
      <c r="F284" s="917"/>
      <c r="G284" s="917"/>
      <c r="H284" s="445"/>
      <c r="I284" s="442"/>
      <c r="J284" s="440" t="s">
        <v>1017</v>
      </c>
      <c r="K284" s="77"/>
      <c r="L284" s="77"/>
      <c r="M284" s="77"/>
      <c r="N284" s="77"/>
      <c r="O284" s="77"/>
      <c r="P284" s="77"/>
      <c r="Q284" s="77"/>
      <c r="R284" s="77"/>
    </row>
    <row r="285" spans="1:18" ht="15.95" customHeight="1" thickBot="1" x14ac:dyDescent="0.2">
      <c r="A285" s="51"/>
      <c r="B285" s="439">
        <v>159</v>
      </c>
      <c r="C285" s="948" t="s">
        <v>77</v>
      </c>
      <c r="D285" s="949"/>
      <c r="E285" s="916" t="s">
        <v>1018</v>
      </c>
      <c r="F285" s="917"/>
      <c r="G285" s="917"/>
      <c r="H285" s="445"/>
      <c r="I285" s="442"/>
      <c r="J285" s="440" t="s">
        <v>1019</v>
      </c>
      <c r="K285" s="51"/>
      <c r="L285" s="51"/>
      <c r="M285" s="51"/>
      <c r="N285" s="51"/>
      <c r="O285" s="51"/>
      <c r="P285" s="51"/>
      <c r="Q285" s="51"/>
      <c r="R285" s="51"/>
    </row>
    <row r="286" spans="1:18" ht="15.95" customHeight="1" thickBot="1" x14ac:dyDescent="0.2">
      <c r="A286" s="73"/>
      <c r="B286" s="439">
        <v>160</v>
      </c>
      <c r="C286" s="948" t="s">
        <v>77</v>
      </c>
      <c r="D286" s="949"/>
      <c r="E286" s="916" t="s">
        <v>1020</v>
      </c>
      <c r="F286" s="917"/>
      <c r="G286" s="917"/>
      <c r="H286" s="445"/>
      <c r="I286" s="442"/>
      <c r="J286" s="440" t="s">
        <v>1021</v>
      </c>
      <c r="K286" s="77"/>
      <c r="L286" s="77"/>
      <c r="M286" s="77"/>
      <c r="N286" s="77"/>
      <c r="O286" s="77"/>
      <c r="P286" s="77"/>
      <c r="Q286" s="77"/>
      <c r="R286" s="77"/>
    </row>
    <row r="287" spans="1:18" ht="15.95" customHeight="1" thickBot="1" x14ac:dyDescent="0.2">
      <c r="A287" s="73"/>
      <c r="B287" s="439">
        <v>161</v>
      </c>
      <c r="C287" s="948" t="s">
        <v>77</v>
      </c>
      <c r="D287" s="949"/>
      <c r="E287" s="916" t="s">
        <v>1022</v>
      </c>
      <c r="F287" s="917"/>
      <c r="G287" s="917"/>
      <c r="H287" s="917"/>
      <c r="I287" s="918"/>
      <c r="J287" s="440" t="s">
        <v>1023</v>
      </c>
      <c r="K287" s="77"/>
      <c r="L287" s="77"/>
      <c r="M287" s="77"/>
      <c r="N287" s="77"/>
      <c r="O287" s="77"/>
      <c r="P287" s="77"/>
      <c r="Q287" s="77"/>
      <c r="R287" s="77"/>
    </row>
    <row r="288" spans="1:18" ht="15.95" customHeight="1" thickBot="1" x14ac:dyDescent="0.2">
      <c r="A288" s="73"/>
      <c r="B288" s="439">
        <v>162</v>
      </c>
      <c r="C288" s="948" t="s">
        <v>77</v>
      </c>
      <c r="D288" s="949"/>
      <c r="E288" s="916" t="s">
        <v>1024</v>
      </c>
      <c r="F288" s="917"/>
      <c r="G288" s="917"/>
      <c r="H288" s="917"/>
      <c r="I288" s="918"/>
      <c r="J288" s="440" t="s">
        <v>1025</v>
      </c>
      <c r="K288" s="77"/>
      <c r="L288" s="77"/>
      <c r="M288" s="77"/>
      <c r="N288" s="77"/>
      <c r="O288" s="77"/>
      <c r="P288" s="77"/>
      <c r="Q288" s="77"/>
      <c r="R288" s="77"/>
    </row>
    <row r="289" spans="1:18" ht="32.1" customHeight="1" thickBot="1" x14ac:dyDescent="0.2">
      <c r="A289" s="73"/>
      <c r="B289" s="439">
        <v>163</v>
      </c>
      <c r="C289" s="948" t="s">
        <v>77</v>
      </c>
      <c r="D289" s="949"/>
      <c r="E289" s="916" t="s">
        <v>1026</v>
      </c>
      <c r="F289" s="917"/>
      <c r="G289" s="917"/>
      <c r="H289" s="917"/>
      <c r="I289" s="918"/>
      <c r="J289" s="440" t="s">
        <v>1027</v>
      </c>
      <c r="K289" s="77"/>
      <c r="L289" s="77"/>
      <c r="M289" s="77"/>
      <c r="N289" s="77"/>
      <c r="O289" s="77"/>
      <c r="P289" s="77"/>
      <c r="Q289" s="77"/>
      <c r="R289" s="77"/>
    </row>
    <row r="290" spans="1:18" ht="15.95" customHeight="1" thickBot="1" x14ac:dyDescent="0.2">
      <c r="A290" s="73"/>
      <c r="B290" s="439">
        <v>164</v>
      </c>
      <c r="C290" s="948" t="s">
        <v>77</v>
      </c>
      <c r="D290" s="949"/>
      <c r="E290" s="916" t="s">
        <v>1028</v>
      </c>
      <c r="F290" s="917"/>
      <c r="G290" s="917"/>
      <c r="H290" s="917"/>
      <c r="I290" s="918"/>
      <c r="J290" s="440" t="s">
        <v>1029</v>
      </c>
      <c r="K290" s="77"/>
      <c r="L290" s="77"/>
      <c r="M290" s="77"/>
      <c r="N290" s="77"/>
      <c r="O290" s="77"/>
      <c r="P290" s="77"/>
      <c r="Q290" s="77"/>
      <c r="R290" s="77"/>
    </row>
    <row r="291" spans="1:18" ht="15.95" customHeight="1" thickBot="1" x14ac:dyDescent="0.2">
      <c r="A291" s="73"/>
      <c r="B291" s="439">
        <v>165</v>
      </c>
      <c r="C291" s="948" t="s">
        <v>77</v>
      </c>
      <c r="D291" s="949"/>
      <c r="E291" s="916" t="s">
        <v>1030</v>
      </c>
      <c r="F291" s="917"/>
      <c r="G291" s="917"/>
      <c r="H291" s="445"/>
      <c r="I291" s="442"/>
      <c r="J291" s="440" t="s">
        <v>1031</v>
      </c>
      <c r="K291" s="77"/>
      <c r="L291" s="77"/>
      <c r="M291" s="77"/>
      <c r="N291" s="77"/>
      <c r="O291" s="77"/>
      <c r="P291" s="77"/>
      <c r="Q291" s="77"/>
      <c r="R291" s="77"/>
    </row>
    <row r="292" spans="1:18" ht="15.95" customHeight="1" thickBot="1" x14ac:dyDescent="0.2">
      <c r="A292" s="73"/>
      <c r="B292" s="439">
        <v>166</v>
      </c>
      <c r="C292" s="948" t="s">
        <v>77</v>
      </c>
      <c r="D292" s="949"/>
      <c r="E292" s="916" t="s">
        <v>1032</v>
      </c>
      <c r="F292" s="917"/>
      <c r="G292" s="917"/>
      <c r="H292" s="445"/>
      <c r="I292" s="442"/>
      <c r="J292" s="440" t="s">
        <v>1033</v>
      </c>
      <c r="K292" s="77"/>
      <c r="L292" s="77"/>
      <c r="M292" s="77"/>
      <c r="N292" s="77"/>
      <c r="O292" s="77"/>
      <c r="P292" s="77"/>
      <c r="Q292" s="77"/>
      <c r="R292" s="77"/>
    </row>
    <row r="293" spans="1:18" ht="15.95" customHeight="1" thickBot="1" x14ac:dyDescent="0.2">
      <c r="A293" s="73"/>
      <c r="B293" s="439">
        <v>167</v>
      </c>
      <c r="C293" s="948" t="s">
        <v>77</v>
      </c>
      <c r="D293" s="949"/>
      <c r="E293" s="916" t="s">
        <v>1034</v>
      </c>
      <c r="F293" s="917"/>
      <c r="G293" s="917"/>
      <c r="H293" s="445"/>
      <c r="I293" s="442"/>
      <c r="J293" s="440" t="s">
        <v>1035</v>
      </c>
      <c r="K293" s="77"/>
      <c r="L293" s="77"/>
      <c r="M293" s="77"/>
      <c r="N293" s="77"/>
      <c r="O293" s="77"/>
      <c r="P293" s="77"/>
      <c r="Q293" s="77"/>
      <c r="R293" s="77"/>
    </row>
    <row r="294" spans="1:18" ht="15.95" customHeight="1" thickBot="1" x14ac:dyDescent="0.2">
      <c r="A294" s="73"/>
      <c r="B294" s="439">
        <v>168</v>
      </c>
      <c r="C294" s="948" t="s">
        <v>77</v>
      </c>
      <c r="D294" s="949"/>
      <c r="E294" s="916" t="s">
        <v>1036</v>
      </c>
      <c r="F294" s="917"/>
      <c r="G294" s="917"/>
      <c r="H294" s="445"/>
      <c r="I294" s="442"/>
      <c r="J294" s="440" t="s">
        <v>1037</v>
      </c>
      <c r="K294" s="77"/>
      <c r="L294" s="77"/>
      <c r="M294" s="77"/>
      <c r="N294" s="77"/>
      <c r="O294" s="77"/>
      <c r="P294" s="77"/>
      <c r="Q294" s="77"/>
      <c r="R294" s="77"/>
    </row>
    <row r="295" spans="1:18" ht="15.95" customHeight="1" thickBot="1" x14ac:dyDescent="0.2">
      <c r="A295" s="73"/>
      <c r="B295" s="439">
        <v>169</v>
      </c>
      <c r="C295" s="948" t="s">
        <v>77</v>
      </c>
      <c r="D295" s="949"/>
      <c r="E295" s="916" t="s">
        <v>1038</v>
      </c>
      <c r="F295" s="917"/>
      <c r="G295" s="917"/>
      <c r="H295" s="445"/>
      <c r="I295" s="442"/>
      <c r="J295" s="440" t="s">
        <v>1039</v>
      </c>
      <c r="K295" s="77"/>
      <c r="L295" s="77"/>
      <c r="M295" s="77"/>
      <c r="N295" s="77"/>
      <c r="O295" s="77"/>
      <c r="P295" s="77"/>
      <c r="Q295" s="77"/>
      <c r="R295" s="77"/>
    </row>
    <row r="296" spans="1:18" ht="15.95" customHeight="1" thickBot="1" x14ac:dyDescent="0.2">
      <c r="A296" s="73"/>
      <c r="B296" s="439">
        <v>170</v>
      </c>
      <c r="C296" s="948" t="s">
        <v>77</v>
      </c>
      <c r="D296" s="949"/>
      <c r="E296" s="916" t="s">
        <v>1040</v>
      </c>
      <c r="F296" s="917"/>
      <c r="G296" s="917"/>
      <c r="H296" s="917"/>
      <c r="I296" s="918"/>
      <c r="J296" s="440" t="s">
        <v>1041</v>
      </c>
      <c r="K296" s="77"/>
      <c r="L296" s="77"/>
      <c r="M296" s="77"/>
      <c r="N296" s="77"/>
      <c r="O296" s="77"/>
      <c r="P296" s="77"/>
      <c r="Q296" s="77"/>
      <c r="R296" s="77"/>
    </row>
    <row r="297" spans="1:18" ht="15.95" customHeight="1" thickBot="1" x14ac:dyDescent="0.2">
      <c r="A297" s="73"/>
      <c r="B297" s="447">
        <v>171</v>
      </c>
      <c r="C297" s="948" t="s">
        <v>77</v>
      </c>
      <c r="D297" s="949"/>
      <c r="E297" s="916" t="s">
        <v>1042</v>
      </c>
      <c r="F297" s="917"/>
      <c r="G297" s="917"/>
      <c r="H297" s="441"/>
      <c r="I297" s="448"/>
      <c r="J297" s="454">
        <v>35311</v>
      </c>
      <c r="K297" s="77"/>
      <c r="L297" s="77"/>
      <c r="M297" s="77"/>
      <c r="N297" s="77"/>
      <c r="O297" s="77"/>
      <c r="P297" s="77"/>
      <c r="Q297" s="77"/>
      <c r="R297" s="77"/>
    </row>
    <row r="298" spans="1:18" ht="15.95" customHeight="1" thickBot="1" x14ac:dyDescent="0.2">
      <c r="A298" s="73"/>
      <c r="B298" s="439">
        <v>172</v>
      </c>
      <c r="C298" s="948" t="s">
        <v>77</v>
      </c>
      <c r="D298" s="949"/>
      <c r="E298" s="916" t="s">
        <v>1043</v>
      </c>
      <c r="F298" s="917"/>
      <c r="G298" s="917"/>
      <c r="H298" s="917"/>
      <c r="I298" s="918"/>
      <c r="J298" s="440" t="s">
        <v>1044</v>
      </c>
      <c r="K298" s="77"/>
      <c r="L298" s="77"/>
      <c r="M298" s="77"/>
      <c r="N298" s="77"/>
      <c r="O298" s="77"/>
      <c r="P298" s="77"/>
      <c r="Q298" s="77"/>
      <c r="R298" s="77"/>
    </row>
    <row r="299" spans="1:18" ht="48" customHeight="1" thickBot="1" x14ac:dyDescent="0.2">
      <c r="A299" s="73"/>
      <c r="B299" s="439">
        <v>173</v>
      </c>
      <c r="C299" s="948" t="s">
        <v>77</v>
      </c>
      <c r="D299" s="949"/>
      <c r="E299" s="916" t="s">
        <v>1045</v>
      </c>
      <c r="F299" s="917"/>
      <c r="G299" s="917"/>
      <c r="H299" s="917"/>
      <c r="I299" s="918"/>
      <c r="J299" s="440" t="s">
        <v>1046</v>
      </c>
      <c r="K299" s="77"/>
      <c r="L299" s="77"/>
      <c r="M299" s="77"/>
      <c r="N299" s="77"/>
      <c r="O299" s="77"/>
      <c r="P299" s="77"/>
      <c r="Q299" s="77"/>
      <c r="R299" s="77"/>
    </row>
    <row r="300" spans="1:18" ht="32.1" customHeight="1" thickBot="1" x14ac:dyDescent="0.2">
      <c r="A300" s="73"/>
      <c r="B300" s="439">
        <v>174</v>
      </c>
      <c r="C300" s="948" t="s">
        <v>77</v>
      </c>
      <c r="D300" s="949"/>
      <c r="E300" s="916" t="s">
        <v>1047</v>
      </c>
      <c r="F300" s="917"/>
      <c r="G300" s="917"/>
      <c r="H300" s="917"/>
      <c r="I300" s="918"/>
      <c r="J300" s="440" t="s">
        <v>1048</v>
      </c>
      <c r="K300" s="77"/>
      <c r="L300" s="77"/>
      <c r="M300" s="77"/>
      <c r="N300" s="77"/>
      <c r="O300" s="77"/>
      <c r="P300" s="77"/>
      <c r="Q300" s="77"/>
      <c r="R300" s="77"/>
    </row>
    <row r="301" spans="1:18" ht="48" customHeight="1" thickBot="1" x14ac:dyDescent="0.2">
      <c r="A301" s="73"/>
      <c r="B301" s="439">
        <v>175</v>
      </c>
      <c r="C301" s="948" t="s">
        <v>77</v>
      </c>
      <c r="D301" s="949"/>
      <c r="E301" s="916" t="s">
        <v>1049</v>
      </c>
      <c r="F301" s="917"/>
      <c r="G301" s="917"/>
      <c r="H301" s="917"/>
      <c r="I301" s="918"/>
      <c r="J301" s="440" t="s">
        <v>1050</v>
      </c>
      <c r="K301" s="77"/>
      <c r="L301" s="77"/>
      <c r="M301" s="77"/>
      <c r="N301" s="77"/>
      <c r="O301" s="77"/>
      <c r="P301" s="77"/>
      <c r="Q301" s="77"/>
      <c r="R301" s="77"/>
    </row>
    <row r="302" spans="1:18" ht="48" customHeight="1" thickBot="1" x14ac:dyDescent="0.2">
      <c r="A302" s="73"/>
      <c r="B302" s="439">
        <v>176</v>
      </c>
      <c r="C302" s="948" t="s">
        <v>77</v>
      </c>
      <c r="D302" s="949"/>
      <c r="E302" s="916" t="s">
        <v>1051</v>
      </c>
      <c r="F302" s="917"/>
      <c r="G302" s="917"/>
      <c r="H302" s="917"/>
      <c r="I302" s="918"/>
      <c r="J302" s="440" t="s">
        <v>1052</v>
      </c>
      <c r="K302" s="77"/>
      <c r="L302" s="77"/>
      <c r="M302" s="77"/>
      <c r="N302" s="77"/>
      <c r="O302" s="77"/>
      <c r="P302" s="77"/>
      <c r="Q302" s="77"/>
      <c r="R302" s="77"/>
    </row>
    <row r="303" spans="1:18" ht="32.1" customHeight="1" thickBot="1" x14ac:dyDescent="0.2">
      <c r="A303" s="73"/>
      <c r="B303" s="439">
        <v>177</v>
      </c>
      <c r="C303" s="948" t="s">
        <v>77</v>
      </c>
      <c r="D303" s="949"/>
      <c r="E303" s="916" t="s">
        <v>1053</v>
      </c>
      <c r="F303" s="917"/>
      <c r="G303" s="917"/>
      <c r="H303" s="917"/>
      <c r="I303" s="918"/>
      <c r="J303" s="440" t="s">
        <v>1054</v>
      </c>
      <c r="K303" s="77"/>
      <c r="L303" s="77"/>
      <c r="M303" s="77"/>
      <c r="N303" s="77"/>
      <c r="O303" s="77"/>
      <c r="P303" s="77"/>
      <c r="Q303" s="77"/>
      <c r="R303" s="77"/>
    </row>
    <row r="304" spans="1:18" ht="48" customHeight="1" thickBot="1" x14ac:dyDescent="0.2">
      <c r="A304" s="73"/>
      <c r="B304" s="439">
        <v>178</v>
      </c>
      <c r="C304" s="948" t="s">
        <v>77</v>
      </c>
      <c r="D304" s="949"/>
      <c r="E304" s="916" t="s">
        <v>1055</v>
      </c>
      <c r="F304" s="917"/>
      <c r="G304" s="917"/>
      <c r="H304" s="917"/>
      <c r="I304" s="918"/>
      <c r="J304" s="440" t="s">
        <v>1056</v>
      </c>
      <c r="K304" s="77"/>
      <c r="L304" s="77"/>
      <c r="M304" s="77"/>
      <c r="N304" s="77"/>
      <c r="O304" s="77"/>
      <c r="P304" s="77"/>
      <c r="Q304" s="77"/>
      <c r="R304" s="77"/>
    </row>
    <row r="305" spans="1:18" ht="15.95" customHeight="1" thickBot="1" x14ac:dyDescent="0.2">
      <c r="A305" s="73"/>
      <c r="B305" s="439">
        <v>179</v>
      </c>
      <c r="C305" s="948" t="s">
        <v>77</v>
      </c>
      <c r="D305" s="949"/>
      <c r="E305" s="916" t="s">
        <v>1057</v>
      </c>
      <c r="F305" s="917"/>
      <c r="G305" s="917"/>
      <c r="H305" s="917"/>
      <c r="I305" s="918"/>
      <c r="J305" s="440" t="s">
        <v>1058</v>
      </c>
      <c r="K305" s="77"/>
      <c r="L305" s="77"/>
      <c r="M305" s="77"/>
      <c r="N305" s="77"/>
      <c r="O305" s="77"/>
      <c r="P305" s="77"/>
      <c r="Q305" s="77"/>
      <c r="R305" s="77"/>
    </row>
  </sheetData>
  <protectedRanges>
    <protectedRange sqref="D53:E54 D10:E16" name="範囲1"/>
  </protectedRanges>
  <mergeCells count="442">
    <mergeCell ref="C305:D305"/>
    <mergeCell ref="E305:I305"/>
    <mergeCell ref="C302:D302"/>
    <mergeCell ref="E302:I302"/>
    <mergeCell ref="C303:D303"/>
    <mergeCell ref="E303:I303"/>
    <mergeCell ref="C304:D304"/>
    <mergeCell ref="E304:I304"/>
    <mergeCell ref="C299:D299"/>
    <mergeCell ref="E299:I299"/>
    <mergeCell ref="C300:D300"/>
    <mergeCell ref="E300:I300"/>
    <mergeCell ref="C301:D301"/>
    <mergeCell ref="E301:I301"/>
    <mergeCell ref="C296:D296"/>
    <mergeCell ref="E296:I296"/>
    <mergeCell ref="C297:D297"/>
    <mergeCell ref="E297:G297"/>
    <mergeCell ref="C298:D298"/>
    <mergeCell ref="E298:I298"/>
    <mergeCell ref="C293:D293"/>
    <mergeCell ref="E293:G293"/>
    <mergeCell ref="C294:D294"/>
    <mergeCell ref="E294:G294"/>
    <mergeCell ref="C295:D295"/>
    <mergeCell ref="E295:G295"/>
    <mergeCell ref="C290:D290"/>
    <mergeCell ref="E290:I290"/>
    <mergeCell ref="C291:D291"/>
    <mergeCell ref="E291:G291"/>
    <mergeCell ref="C292:D292"/>
    <mergeCell ref="E292:G292"/>
    <mergeCell ref="C287:D287"/>
    <mergeCell ref="E287:I287"/>
    <mergeCell ref="C288:D288"/>
    <mergeCell ref="E288:I288"/>
    <mergeCell ref="C289:D289"/>
    <mergeCell ref="E289:I289"/>
    <mergeCell ref="C284:D284"/>
    <mergeCell ref="E284:G284"/>
    <mergeCell ref="C285:D285"/>
    <mergeCell ref="E285:G285"/>
    <mergeCell ref="C286:D286"/>
    <mergeCell ref="E286:G286"/>
    <mergeCell ref="C281:D281"/>
    <mergeCell ref="E281:I281"/>
    <mergeCell ref="C282:D282"/>
    <mergeCell ref="E282:G282"/>
    <mergeCell ref="C283:D283"/>
    <mergeCell ref="E283:G283"/>
    <mergeCell ref="C278:D278"/>
    <mergeCell ref="E278:G278"/>
    <mergeCell ref="C279:D279"/>
    <mergeCell ref="E279:G279"/>
    <mergeCell ref="C280:D280"/>
    <mergeCell ref="E280:G280"/>
    <mergeCell ref="C275:D275"/>
    <mergeCell ref="E275:I275"/>
    <mergeCell ref="C276:D276"/>
    <mergeCell ref="E276:I276"/>
    <mergeCell ref="C277:D277"/>
    <mergeCell ref="E277:G277"/>
    <mergeCell ref="C272:D272"/>
    <mergeCell ref="E272:G272"/>
    <mergeCell ref="C273:D273"/>
    <mergeCell ref="E273:G273"/>
    <mergeCell ref="C274:D274"/>
    <mergeCell ref="E274:G274"/>
    <mergeCell ref="C269:D269"/>
    <mergeCell ref="E269:G269"/>
    <mergeCell ref="C270:D270"/>
    <mergeCell ref="E270:I270"/>
    <mergeCell ref="C271:D271"/>
    <mergeCell ref="E271:I271"/>
    <mergeCell ref="C266:D266"/>
    <mergeCell ref="E266:G266"/>
    <mergeCell ref="C267:D267"/>
    <mergeCell ref="E267:G267"/>
    <mergeCell ref="C268:D268"/>
    <mergeCell ref="E268:I268"/>
    <mergeCell ref="C263:D263"/>
    <mergeCell ref="E263:G263"/>
    <mergeCell ref="C264:D264"/>
    <mergeCell ref="E264:I264"/>
    <mergeCell ref="C265:D265"/>
    <mergeCell ref="E265:I265"/>
    <mergeCell ref="C260:D260"/>
    <mergeCell ref="E260:G260"/>
    <mergeCell ref="C261:D261"/>
    <mergeCell ref="E261:G261"/>
    <mergeCell ref="C262:D262"/>
    <mergeCell ref="E262:G262"/>
    <mergeCell ref="C257:D257"/>
    <mergeCell ref="E257:G257"/>
    <mergeCell ref="C258:D258"/>
    <mergeCell ref="E258:I258"/>
    <mergeCell ref="C259:D259"/>
    <mergeCell ref="E259:I259"/>
    <mergeCell ref="C254:D254"/>
    <mergeCell ref="E254:G254"/>
    <mergeCell ref="C255:D255"/>
    <mergeCell ref="E255:I255"/>
    <mergeCell ref="C256:D256"/>
    <mergeCell ref="E256:G256"/>
    <mergeCell ref="C251:D251"/>
    <mergeCell ref="E251:G251"/>
    <mergeCell ref="C252:D252"/>
    <mergeCell ref="E252:G252"/>
    <mergeCell ref="C253:D253"/>
    <mergeCell ref="E253:G253"/>
    <mergeCell ref="C248:D248"/>
    <mergeCell ref="E248:G248"/>
    <mergeCell ref="C249:D249"/>
    <mergeCell ref="E249:I249"/>
    <mergeCell ref="C250:D250"/>
    <mergeCell ref="E250:G250"/>
    <mergeCell ref="C245:D245"/>
    <mergeCell ref="E245:I245"/>
    <mergeCell ref="C246:D246"/>
    <mergeCell ref="E246:G246"/>
    <mergeCell ref="C247:D247"/>
    <mergeCell ref="E247:G247"/>
    <mergeCell ref="C242:D242"/>
    <mergeCell ref="E242:G242"/>
    <mergeCell ref="C243:D243"/>
    <mergeCell ref="E243:G243"/>
    <mergeCell ref="C244:D244"/>
    <mergeCell ref="E244:G244"/>
    <mergeCell ref="C239:D239"/>
    <mergeCell ref="E239:I239"/>
    <mergeCell ref="C240:D240"/>
    <mergeCell ref="E240:G240"/>
    <mergeCell ref="C241:D241"/>
    <mergeCell ref="E241:I241"/>
    <mergeCell ref="C236:D236"/>
    <mergeCell ref="E236:G236"/>
    <mergeCell ref="C237:D237"/>
    <mergeCell ref="E237:G237"/>
    <mergeCell ref="C238:D238"/>
    <mergeCell ref="E238:G238"/>
    <mergeCell ref="C233:D233"/>
    <mergeCell ref="E233:I233"/>
    <mergeCell ref="C234:D234"/>
    <mergeCell ref="E234:I234"/>
    <mergeCell ref="C235:D235"/>
    <mergeCell ref="E235:I235"/>
    <mergeCell ref="C230:D230"/>
    <mergeCell ref="E230:G230"/>
    <mergeCell ref="C231:D231"/>
    <mergeCell ref="E231:I231"/>
    <mergeCell ref="C232:D232"/>
    <mergeCell ref="E232:I232"/>
    <mergeCell ref="C227:D227"/>
    <mergeCell ref="E227:G227"/>
    <mergeCell ref="C228:D228"/>
    <mergeCell ref="E228:G228"/>
    <mergeCell ref="C229:D229"/>
    <mergeCell ref="E229:G229"/>
    <mergeCell ref="C224:D224"/>
    <mergeCell ref="E224:I224"/>
    <mergeCell ref="C225:D225"/>
    <mergeCell ref="E225:I225"/>
    <mergeCell ref="C226:D226"/>
    <mergeCell ref="E226:G226"/>
    <mergeCell ref="C221:D221"/>
    <mergeCell ref="E221:I221"/>
    <mergeCell ref="C222:D222"/>
    <mergeCell ref="E222:G222"/>
    <mergeCell ref="C223:D223"/>
    <mergeCell ref="E223:I223"/>
    <mergeCell ref="C218:D218"/>
    <mergeCell ref="E218:G218"/>
    <mergeCell ref="C219:D219"/>
    <mergeCell ref="E219:G219"/>
    <mergeCell ref="C220:D220"/>
    <mergeCell ref="E220:G220"/>
    <mergeCell ref="C215:D215"/>
    <mergeCell ref="E215:G215"/>
    <mergeCell ref="C216:D216"/>
    <mergeCell ref="E216:G216"/>
    <mergeCell ref="C217:D217"/>
    <mergeCell ref="E217:I217"/>
    <mergeCell ref="C213:D213"/>
    <mergeCell ref="E213:G213"/>
    <mergeCell ref="C214:D214"/>
    <mergeCell ref="E214:G214"/>
    <mergeCell ref="E204:G204"/>
    <mergeCell ref="E205:G205"/>
    <mergeCell ref="E206:I206"/>
    <mergeCell ref="E207:I207"/>
    <mergeCell ref="E208:G208"/>
    <mergeCell ref="E209:G209"/>
    <mergeCell ref="C196:D196"/>
    <mergeCell ref="E196:G196"/>
    <mergeCell ref="C197:D212"/>
    <mergeCell ref="E197:G197"/>
    <mergeCell ref="E198:G198"/>
    <mergeCell ref="E199:G199"/>
    <mergeCell ref="E200:G200"/>
    <mergeCell ref="E201:G201"/>
    <mergeCell ref="E202:G202"/>
    <mergeCell ref="E203:G203"/>
    <mergeCell ref="E210:G210"/>
    <mergeCell ref="E211:I211"/>
    <mergeCell ref="E212:G212"/>
    <mergeCell ref="C192:D192"/>
    <mergeCell ref="E192:G192"/>
    <mergeCell ref="C193:D194"/>
    <mergeCell ref="E193:G193"/>
    <mergeCell ref="E194:G194"/>
    <mergeCell ref="C195:D195"/>
    <mergeCell ref="E195:G195"/>
    <mergeCell ref="C189:D189"/>
    <mergeCell ref="E189:G189"/>
    <mergeCell ref="C190:D190"/>
    <mergeCell ref="E190:G190"/>
    <mergeCell ref="C191:D191"/>
    <mergeCell ref="E191:G191"/>
    <mergeCell ref="C185:D185"/>
    <mergeCell ref="E185:G185"/>
    <mergeCell ref="C186:D188"/>
    <mergeCell ref="E186:I186"/>
    <mergeCell ref="E187:G187"/>
    <mergeCell ref="E188:G188"/>
    <mergeCell ref="C176:D184"/>
    <mergeCell ref="E176:G176"/>
    <mergeCell ref="E177:G177"/>
    <mergeCell ref="E178:G178"/>
    <mergeCell ref="E179:G179"/>
    <mergeCell ref="E180:G180"/>
    <mergeCell ref="E181:G181"/>
    <mergeCell ref="E182:G182"/>
    <mergeCell ref="E183:G183"/>
    <mergeCell ref="E184:G184"/>
    <mergeCell ref="C173:D173"/>
    <mergeCell ref="E173:G173"/>
    <mergeCell ref="C174:D174"/>
    <mergeCell ref="E174:G174"/>
    <mergeCell ref="C175:D175"/>
    <mergeCell ref="E175:G175"/>
    <mergeCell ref="C165:D165"/>
    <mergeCell ref="E165:G165"/>
    <mergeCell ref="C166:D172"/>
    <mergeCell ref="E166:G166"/>
    <mergeCell ref="E167:G167"/>
    <mergeCell ref="E168:G168"/>
    <mergeCell ref="E169:G169"/>
    <mergeCell ref="E170:G170"/>
    <mergeCell ref="E171:G171"/>
    <mergeCell ref="E172:G172"/>
    <mergeCell ref="C162:D162"/>
    <mergeCell ref="E162:G162"/>
    <mergeCell ref="C163:D163"/>
    <mergeCell ref="E163:G163"/>
    <mergeCell ref="C164:D164"/>
    <mergeCell ref="E164:G164"/>
    <mergeCell ref="C159:D159"/>
    <mergeCell ref="E159:G159"/>
    <mergeCell ref="C160:D160"/>
    <mergeCell ref="E160:G160"/>
    <mergeCell ref="C161:D161"/>
    <mergeCell ref="E161:G161"/>
    <mergeCell ref="C155:D155"/>
    <mergeCell ref="E155:G155"/>
    <mergeCell ref="C156:D157"/>
    <mergeCell ref="E156:G156"/>
    <mergeCell ref="E157:G157"/>
    <mergeCell ref="C158:D158"/>
    <mergeCell ref="E158:G158"/>
    <mergeCell ref="C152:D152"/>
    <mergeCell ref="E152:G152"/>
    <mergeCell ref="C153:D153"/>
    <mergeCell ref="E153:G153"/>
    <mergeCell ref="C154:D154"/>
    <mergeCell ref="E154:G154"/>
    <mergeCell ref="C147:D148"/>
    <mergeCell ref="E147:G147"/>
    <mergeCell ref="E148:G148"/>
    <mergeCell ref="C149:D151"/>
    <mergeCell ref="E149:G149"/>
    <mergeCell ref="E150:I150"/>
    <mergeCell ref="E151:G151"/>
    <mergeCell ref="C140:D143"/>
    <mergeCell ref="E140:G140"/>
    <mergeCell ref="E141:G141"/>
    <mergeCell ref="E142:I142"/>
    <mergeCell ref="E143:G143"/>
    <mergeCell ref="C144:D146"/>
    <mergeCell ref="E144:G144"/>
    <mergeCell ref="E145:G145"/>
    <mergeCell ref="E146:G146"/>
    <mergeCell ref="C136:D136"/>
    <mergeCell ref="E136:G136"/>
    <mergeCell ref="C137:D138"/>
    <mergeCell ref="E137:I137"/>
    <mergeCell ref="E138:G138"/>
    <mergeCell ref="C139:D139"/>
    <mergeCell ref="E139:G139"/>
    <mergeCell ref="C132:D132"/>
    <mergeCell ref="E132:I132"/>
    <mergeCell ref="C133:D133"/>
    <mergeCell ref="E133:G133"/>
    <mergeCell ref="C134:D135"/>
    <mergeCell ref="E134:G134"/>
    <mergeCell ref="E135:I135"/>
    <mergeCell ref="C127:D129"/>
    <mergeCell ref="E127:I127"/>
    <mergeCell ref="E128:I128"/>
    <mergeCell ref="E129:I129"/>
    <mergeCell ref="C130:D131"/>
    <mergeCell ref="E130:I130"/>
    <mergeCell ref="E131:I131"/>
    <mergeCell ref="D115:G116"/>
    <mergeCell ref="I115:M116"/>
    <mergeCell ref="D118:G119"/>
    <mergeCell ref="I118:M119"/>
    <mergeCell ref="A122:M122"/>
    <mergeCell ref="B125:B126"/>
    <mergeCell ref="C125:D126"/>
    <mergeCell ref="E125:I126"/>
    <mergeCell ref="J125:J126"/>
    <mergeCell ref="C109:F109"/>
    <mergeCell ref="G109:H109"/>
    <mergeCell ref="K109:M109"/>
    <mergeCell ref="D102:K102"/>
    <mergeCell ref="L102:M102"/>
    <mergeCell ref="C105:M105"/>
    <mergeCell ref="C106:F107"/>
    <mergeCell ref="G106:H107"/>
    <mergeCell ref="J106:J107"/>
    <mergeCell ref="K106:M107"/>
    <mergeCell ref="F94:K94"/>
    <mergeCell ref="L94:M94"/>
    <mergeCell ref="D96:M96"/>
    <mergeCell ref="D97:L97"/>
    <mergeCell ref="D101:K101"/>
    <mergeCell ref="L101:M101"/>
    <mergeCell ref="F91:K91"/>
    <mergeCell ref="L91:M91"/>
    <mergeCell ref="C108:F108"/>
    <mergeCell ref="G108:H108"/>
    <mergeCell ref="K108:M108"/>
    <mergeCell ref="C92:C93"/>
    <mergeCell ref="D92:D93"/>
    <mergeCell ref="E92:E93"/>
    <mergeCell ref="F92:K92"/>
    <mergeCell ref="L92:M92"/>
    <mergeCell ref="F93:K93"/>
    <mergeCell ref="F88:K88"/>
    <mergeCell ref="L88:M88"/>
    <mergeCell ref="F89:K89"/>
    <mergeCell ref="L89:M89"/>
    <mergeCell ref="F90:K90"/>
    <mergeCell ref="L90:M90"/>
    <mergeCell ref="L93:M93"/>
    <mergeCell ref="F85:K85"/>
    <mergeCell ref="L85:M85"/>
    <mergeCell ref="F86:K86"/>
    <mergeCell ref="L86:M86"/>
    <mergeCell ref="F87:K87"/>
    <mergeCell ref="L87:M87"/>
    <mergeCell ref="D79:K79"/>
    <mergeCell ref="L79:M79"/>
    <mergeCell ref="F83:K83"/>
    <mergeCell ref="L83:M83"/>
    <mergeCell ref="F84:K84"/>
    <mergeCell ref="L84:M84"/>
    <mergeCell ref="C73:M75"/>
    <mergeCell ref="D76:K76"/>
    <mergeCell ref="L76:M76"/>
    <mergeCell ref="D77:K77"/>
    <mergeCell ref="L77:M77"/>
    <mergeCell ref="D78:K78"/>
    <mergeCell ref="L78:M78"/>
    <mergeCell ref="L64:M64"/>
    <mergeCell ref="F65:K65"/>
    <mergeCell ref="L65:M65"/>
    <mergeCell ref="D68:M69"/>
    <mergeCell ref="F61:K61"/>
    <mergeCell ref="L61:M61"/>
    <mergeCell ref="C62:C65"/>
    <mergeCell ref="D62:D65"/>
    <mergeCell ref="E62:E65"/>
    <mergeCell ref="F62:K62"/>
    <mergeCell ref="L62:M62"/>
    <mergeCell ref="F63:K63"/>
    <mergeCell ref="L63:M63"/>
    <mergeCell ref="F64:K64"/>
    <mergeCell ref="F58:K58"/>
    <mergeCell ref="L58:M58"/>
    <mergeCell ref="F59:K59"/>
    <mergeCell ref="L59:M59"/>
    <mergeCell ref="F60:K60"/>
    <mergeCell ref="L60:M60"/>
    <mergeCell ref="F55:K55"/>
    <mergeCell ref="L55:M55"/>
    <mergeCell ref="F56:K56"/>
    <mergeCell ref="L56:M56"/>
    <mergeCell ref="F57:K57"/>
    <mergeCell ref="L57:M57"/>
    <mergeCell ref="F29:K29"/>
    <mergeCell ref="L29:M29"/>
    <mergeCell ref="F30:K30"/>
    <mergeCell ref="L30:M30"/>
    <mergeCell ref="F31:K31"/>
    <mergeCell ref="L31:M31"/>
    <mergeCell ref="F26:K26"/>
    <mergeCell ref="L26:M26"/>
    <mergeCell ref="F27:K27"/>
    <mergeCell ref="L27:M27"/>
    <mergeCell ref="F28:K28"/>
    <mergeCell ref="L28:M28"/>
    <mergeCell ref="F24:K24"/>
    <mergeCell ref="L24:M24"/>
    <mergeCell ref="F25:K25"/>
    <mergeCell ref="L25:M25"/>
    <mergeCell ref="F21:K21"/>
    <mergeCell ref="L21:M21"/>
    <mergeCell ref="F22:K22"/>
    <mergeCell ref="L22:M22"/>
    <mergeCell ref="F23:K23"/>
    <mergeCell ref="L23:M23"/>
    <mergeCell ref="B3:H5"/>
    <mergeCell ref="K3:M3"/>
    <mergeCell ref="K4:M4"/>
    <mergeCell ref="J5:J6"/>
    <mergeCell ref="K5:M6"/>
    <mergeCell ref="K7:L7"/>
    <mergeCell ref="C18:C20"/>
    <mergeCell ref="F18:K18"/>
    <mergeCell ref="L18:M18"/>
    <mergeCell ref="F19:K19"/>
    <mergeCell ref="L19:M19"/>
    <mergeCell ref="F20:K20"/>
    <mergeCell ref="L20:M20"/>
    <mergeCell ref="B8:N8"/>
    <mergeCell ref="H10:J10"/>
    <mergeCell ref="H11:J11"/>
    <mergeCell ref="H12:J12"/>
    <mergeCell ref="H13:J13"/>
    <mergeCell ref="F17:K17"/>
    <mergeCell ref="L17:M17"/>
  </mergeCells>
  <phoneticPr fontId="9"/>
  <conditionalFormatting sqref="G51 G36:G49">
    <cfRule type="cellIs" dxfId="13" priority="1" operator="greaterThan">
      <formula>0</formula>
    </cfRule>
  </conditionalFormatting>
  <dataValidations count="4">
    <dataValidation type="list" showInputMessage="1" showErrorMessage="1" prompt="判定基準を満たす： Applicable_x000a_満たさない： Not Applicable" sqref="L56:M62 L94:M94 L18:M31 L84:M92">
      <formula1>"&lt; Applicable　　　　　　/ Not Applicable &gt;, Applicable, Not Applicable"</formula1>
    </dataValidation>
    <dataValidation type="list" allowBlank="1" showInputMessage="1" showErrorMessage="1" sqref="L65625:M65625 JH65626:JI65626 TD65626:TE65626 ACZ65626:ADA65626 AMV65626:AMW65626 AWR65626:AWS65626 BGN65626:BGO65626 BQJ65626:BQK65626 CAF65626:CAG65626 CKB65626:CKC65626 CTX65626:CTY65626 DDT65626:DDU65626 DNP65626:DNQ65626 DXL65626:DXM65626 EHH65626:EHI65626 ERD65626:ERE65626 FAZ65626:FBA65626 FKV65626:FKW65626 FUR65626:FUS65626 GEN65626:GEO65626 GOJ65626:GOK65626 GYF65626:GYG65626 HIB65626:HIC65626 HRX65626:HRY65626 IBT65626:IBU65626 ILP65626:ILQ65626 IVL65626:IVM65626 JFH65626:JFI65626 JPD65626:JPE65626 JYZ65626:JZA65626 KIV65626:KIW65626 KSR65626:KSS65626 LCN65626:LCO65626 LMJ65626:LMK65626 LWF65626:LWG65626 MGB65626:MGC65626 MPX65626:MPY65626 MZT65626:MZU65626 NJP65626:NJQ65626 NTL65626:NTM65626 ODH65626:ODI65626 OND65626:ONE65626 OWZ65626:OXA65626 PGV65626:PGW65626 PQR65626:PQS65626 QAN65626:QAO65626 QKJ65626:QKK65626 QUF65626:QUG65626 REB65626:REC65626 RNX65626:RNY65626 RXT65626:RXU65626 SHP65626:SHQ65626 SRL65626:SRM65626 TBH65626:TBI65626 TLD65626:TLE65626 TUZ65626:TVA65626 UEV65626:UEW65626 UOR65626:UOS65626 UYN65626:UYO65626 VIJ65626:VIK65626 VSF65626:VSG65626 WCB65626:WCC65626 WLX65626:WLY65626 WVT65626:WVU65626 L131161:M131161 JH131162:JI131162 TD131162:TE131162 ACZ131162:ADA131162 AMV131162:AMW131162 AWR131162:AWS131162 BGN131162:BGO131162 BQJ131162:BQK131162 CAF131162:CAG131162 CKB131162:CKC131162 CTX131162:CTY131162 DDT131162:DDU131162 DNP131162:DNQ131162 DXL131162:DXM131162 EHH131162:EHI131162 ERD131162:ERE131162 FAZ131162:FBA131162 FKV131162:FKW131162 FUR131162:FUS131162 GEN131162:GEO131162 GOJ131162:GOK131162 GYF131162:GYG131162 HIB131162:HIC131162 HRX131162:HRY131162 IBT131162:IBU131162 ILP131162:ILQ131162 IVL131162:IVM131162 JFH131162:JFI131162 JPD131162:JPE131162 JYZ131162:JZA131162 KIV131162:KIW131162 KSR131162:KSS131162 LCN131162:LCO131162 LMJ131162:LMK131162 LWF131162:LWG131162 MGB131162:MGC131162 MPX131162:MPY131162 MZT131162:MZU131162 NJP131162:NJQ131162 NTL131162:NTM131162 ODH131162:ODI131162 OND131162:ONE131162 OWZ131162:OXA131162 PGV131162:PGW131162 PQR131162:PQS131162 QAN131162:QAO131162 QKJ131162:QKK131162 QUF131162:QUG131162 REB131162:REC131162 RNX131162:RNY131162 RXT131162:RXU131162 SHP131162:SHQ131162 SRL131162:SRM131162 TBH131162:TBI131162 TLD131162:TLE131162 TUZ131162:TVA131162 UEV131162:UEW131162 UOR131162:UOS131162 UYN131162:UYO131162 VIJ131162:VIK131162 VSF131162:VSG131162 WCB131162:WCC131162 WLX131162:WLY131162 WVT131162:WVU131162 L196697:M196697 JH196698:JI196698 TD196698:TE196698 ACZ196698:ADA196698 AMV196698:AMW196698 AWR196698:AWS196698 BGN196698:BGO196698 BQJ196698:BQK196698 CAF196698:CAG196698 CKB196698:CKC196698 CTX196698:CTY196698 DDT196698:DDU196698 DNP196698:DNQ196698 DXL196698:DXM196698 EHH196698:EHI196698 ERD196698:ERE196698 FAZ196698:FBA196698 FKV196698:FKW196698 FUR196698:FUS196698 GEN196698:GEO196698 GOJ196698:GOK196698 GYF196698:GYG196698 HIB196698:HIC196698 HRX196698:HRY196698 IBT196698:IBU196698 ILP196698:ILQ196698 IVL196698:IVM196698 JFH196698:JFI196698 JPD196698:JPE196698 JYZ196698:JZA196698 KIV196698:KIW196698 KSR196698:KSS196698 LCN196698:LCO196698 LMJ196698:LMK196698 LWF196698:LWG196698 MGB196698:MGC196698 MPX196698:MPY196698 MZT196698:MZU196698 NJP196698:NJQ196698 NTL196698:NTM196698 ODH196698:ODI196698 OND196698:ONE196698 OWZ196698:OXA196698 PGV196698:PGW196698 PQR196698:PQS196698 QAN196698:QAO196698 QKJ196698:QKK196698 QUF196698:QUG196698 REB196698:REC196698 RNX196698:RNY196698 RXT196698:RXU196698 SHP196698:SHQ196698 SRL196698:SRM196698 TBH196698:TBI196698 TLD196698:TLE196698 TUZ196698:TVA196698 UEV196698:UEW196698 UOR196698:UOS196698 UYN196698:UYO196698 VIJ196698:VIK196698 VSF196698:VSG196698 WCB196698:WCC196698 WLX196698:WLY196698 WVT196698:WVU196698 L262233:M262233 JH262234:JI262234 TD262234:TE262234 ACZ262234:ADA262234 AMV262234:AMW262234 AWR262234:AWS262234 BGN262234:BGO262234 BQJ262234:BQK262234 CAF262234:CAG262234 CKB262234:CKC262234 CTX262234:CTY262234 DDT262234:DDU262234 DNP262234:DNQ262234 DXL262234:DXM262234 EHH262234:EHI262234 ERD262234:ERE262234 FAZ262234:FBA262234 FKV262234:FKW262234 FUR262234:FUS262234 GEN262234:GEO262234 GOJ262234:GOK262234 GYF262234:GYG262234 HIB262234:HIC262234 HRX262234:HRY262234 IBT262234:IBU262234 ILP262234:ILQ262234 IVL262234:IVM262234 JFH262234:JFI262234 JPD262234:JPE262234 JYZ262234:JZA262234 KIV262234:KIW262234 KSR262234:KSS262234 LCN262234:LCO262234 LMJ262234:LMK262234 LWF262234:LWG262234 MGB262234:MGC262234 MPX262234:MPY262234 MZT262234:MZU262234 NJP262234:NJQ262234 NTL262234:NTM262234 ODH262234:ODI262234 OND262234:ONE262234 OWZ262234:OXA262234 PGV262234:PGW262234 PQR262234:PQS262234 QAN262234:QAO262234 QKJ262234:QKK262234 QUF262234:QUG262234 REB262234:REC262234 RNX262234:RNY262234 RXT262234:RXU262234 SHP262234:SHQ262234 SRL262234:SRM262234 TBH262234:TBI262234 TLD262234:TLE262234 TUZ262234:TVA262234 UEV262234:UEW262234 UOR262234:UOS262234 UYN262234:UYO262234 VIJ262234:VIK262234 VSF262234:VSG262234 WCB262234:WCC262234 WLX262234:WLY262234 WVT262234:WVU262234 L327769:M327769 JH327770:JI327770 TD327770:TE327770 ACZ327770:ADA327770 AMV327770:AMW327770 AWR327770:AWS327770 BGN327770:BGO327770 BQJ327770:BQK327770 CAF327770:CAG327770 CKB327770:CKC327770 CTX327770:CTY327770 DDT327770:DDU327770 DNP327770:DNQ327770 DXL327770:DXM327770 EHH327770:EHI327770 ERD327770:ERE327770 FAZ327770:FBA327770 FKV327770:FKW327770 FUR327770:FUS327770 GEN327770:GEO327770 GOJ327770:GOK327770 GYF327770:GYG327770 HIB327770:HIC327770 HRX327770:HRY327770 IBT327770:IBU327770 ILP327770:ILQ327770 IVL327770:IVM327770 JFH327770:JFI327770 JPD327770:JPE327770 JYZ327770:JZA327770 KIV327770:KIW327770 KSR327770:KSS327770 LCN327770:LCO327770 LMJ327770:LMK327770 LWF327770:LWG327770 MGB327770:MGC327770 MPX327770:MPY327770 MZT327770:MZU327770 NJP327770:NJQ327770 NTL327770:NTM327770 ODH327770:ODI327770 OND327770:ONE327770 OWZ327770:OXA327770 PGV327770:PGW327770 PQR327770:PQS327770 QAN327770:QAO327770 QKJ327770:QKK327770 QUF327770:QUG327770 REB327770:REC327770 RNX327770:RNY327770 RXT327770:RXU327770 SHP327770:SHQ327770 SRL327770:SRM327770 TBH327770:TBI327770 TLD327770:TLE327770 TUZ327770:TVA327770 UEV327770:UEW327770 UOR327770:UOS327770 UYN327770:UYO327770 VIJ327770:VIK327770 VSF327770:VSG327770 WCB327770:WCC327770 WLX327770:WLY327770 WVT327770:WVU327770 L393305:M393305 JH393306:JI393306 TD393306:TE393306 ACZ393306:ADA393306 AMV393306:AMW393306 AWR393306:AWS393306 BGN393306:BGO393306 BQJ393306:BQK393306 CAF393306:CAG393306 CKB393306:CKC393306 CTX393306:CTY393306 DDT393306:DDU393306 DNP393306:DNQ393306 DXL393306:DXM393306 EHH393306:EHI393306 ERD393306:ERE393306 FAZ393306:FBA393306 FKV393306:FKW393306 FUR393306:FUS393306 GEN393306:GEO393306 GOJ393306:GOK393306 GYF393306:GYG393306 HIB393306:HIC393306 HRX393306:HRY393306 IBT393306:IBU393306 ILP393306:ILQ393306 IVL393306:IVM393306 JFH393306:JFI393306 JPD393306:JPE393306 JYZ393306:JZA393306 KIV393306:KIW393306 KSR393306:KSS393306 LCN393306:LCO393306 LMJ393306:LMK393306 LWF393306:LWG393306 MGB393306:MGC393306 MPX393306:MPY393306 MZT393306:MZU393306 NJP393306:NJQ393306 NTL393306:NTM393306 ODH393306:ODI393306 OND393306:ONE393306 OWZ393306:OXA393306 PGV393306:PGW393306 PQR393306:PQS393306 QAN393306:QAO393306 QKJ393306:QKK393306 QUF393306:QUG393306 REB393306:REC393306 RNX393306:RNY393306 RXT393306:RXU393306 SHP393306:SHQ393306 SRL393306:SRM393306 TBH393306:TBI393306 TLD393306:TLE393306 TUZ393306:TVA393306 UEV393306:UEW393306 UOR393306:UOS393306 UYN393306:UYO393306 VIJ393306:VIK393306 VSF393306:VSG393306 WCB393306:WCC393306 WLX393306:WLY393306 WVT393306:WVU393306 L458841:M458841 JH458842:JI458842 TD458842:TE458842 ACZ458842:ADA458842 AMV458842:AMW458842 AWR458842:AWS458842 BGN458842:BGO458842 BQJ458842:BQK458842 CAF458842:CAG458842 CKB458842:CKC458842 CTX458842:CTY458842 DDT458842:DDU458842 DNP458842:DNQ458842 DXL458842:DXM458842 EHH458842:EHI458842 ERD458842:ERE458842 FAZ458842:FBA458842 FKV458842:FKW458842 FUR458842:FUS458842 GEN458842:GEO458842 GOJ458842:GOK458842 GYF458842:GYG458842 HIB458842:HIC458842 HRX458842:HRY458842 IBT458842:IBU458842 ILP458842:ILQ458842 IVL458842:IVM458842 JFH458842:JFI458842 JPD458842:JPE458842 JYZ458842:JZA458842 KIV458842:KIW458842 KSR458842:KSS458842 LCN458842:LCO458842 LMJ458842:LMK458842 LWF458842:LWG458842 MGB458842:MGC458842 MPX458842:MPY458842 MZT458842:MZU458842 NJP458842:NJQ458842 NTL458842:NTM458842 ODH458842:ODI458842 OND458842:ONE458842 OWZ458842:OXA458842 PGV458842:PGW458842 PQR458842:PQS458842 QAN458842:QAO458842 QKJ458842:QKK458842 QUF458842:QUG458842 REB458842:REC458842 RNX458842:RNY458842 RXT458842:RXU458842 SHP458842:SHQ458842 SRL458842:SRM458842 TBH458842:TBI458842 TLD458842:TLE458842 TUZ458842:TVA458842 UEV458842:UEW458842 UOR458842:UOS458842 UYN458842:UYO458842 VIJ458842:VIK458842 VSF458842:VSG458842 WCB458842:WCC458842 WLX458842:WLY458842 WVT458842:WVU458842 L524377:M524377 JH524378:JI524378 TD524378:TE524378 ACZ524378:ADA524378 AMV524378:AMW524378 AWR524378:AWS524378 BGN524378:BGO524378 BQJ524378:BQK524378 CAF524378:CAG524378 CKB524378:CKC524378 CTX524378:CTY524378 DDT524378:DDU524378 DNP524378:DNQ524378 DXL524378:DXM524378 EHH524378:EHI524378 ERD524378:ERE524378 FAZ524378:FBA524378 FKV524378:FKW524378 FUR524378:FUS524378 GEN524378:GEO524378 GOJ524378:GOK524378 GYF524378:GYG524378 HIB524378:HIC524378 HRX524378:HRY524378 IBT524378:IBU524378 ILP524378:ILQ524378 IVL524378:IVM524378 JFH524378:JFI524378 JPD524378:JPE524378 JYZ524378:JZA524378 KIV524378:KIW524378 KSR524378:KSS524378 LCN524378:LCO524378 LMJ524378:LMK524378 LWF524378:LWG524378 MGB524378:MGC524378 MPX524378:MPY524378 MZT524378:MZU524378 NJP524378:NJQ524378 NTL524378:NTM524378 ODH524378:ODI524378 OND524378:ONE524378 OWZ524378:OXA524378 PGV524378:PGW524378 PQR524378:PQS524378 QAN524378:QAO524378 QKJ524378:QKK524378 QUF524378:QUG524378 REB524378:REC524378 RNX524378:RNY524378 RXT524378:RXU524378 SHP524378:SHQ524378 SRL524378:SRM524378 TBH524378:TBI524378 TLD524378:TLE524378 TUZ524378:TVA524378 UEV524378:UEW524378 UOR524378:UOS524378 UYN524378:UYO524378 VIJ524378:VIK524378 VSF524378:VSG524378 WCB524378:WCC524378 WLX524378:WLY524378 WVT524378:WVU524378 L589913:M589913 JH589914:JI589914 TD589914:TE589914 ACZ589914:ADA589914 AMV589914:AMW589914 AWR589914:AWS589914 BGN589914:BGO589914 BQJ589914:BQK589914 CAF589914:CAG589914 CKB589914:CKC589914 CTX589914:CTY589914 DDT589914:DDU589914 DNP589914:DNQ589914 DXL589914:DXM589914 EHH589914:EHI589914 ERD589914:ERE589914 FAZ589914:FBA589914 FKV589914:FKW589914 FUR589914:FUS589914 GEN589914:GEO589914 GOJ589914:GOK589914 GYF589914:GYG589914 HIB589914:HIC589914 HRX589914:HRY589914 IBT589914:IBU589914 ILP589914:ILQ589914 IVL589914:IVM589914 JFH589914:JFI589914 JPD589914:JPE589914 JYZ589914:JZA589914 KIV589914:KIW589914 KSR589914:KSS589914 LCN589914:LCO589914 LMJ589914:LMK589914 LWF589914:LWG589914 MGB589914:MGC589914 MPX589914:MPY589914 MZT589914:MZU589914 NJP589914:NJQ589914 NTL589914:NTM589914 ODH589914:ODI589914 OND589914:ONE589914 OWZ589914:OXA589914 PGV589914:PGW589914 PQR589914:PQS589914 QAN589914:QAO589914 QKJ589914:QKK589914 QUF589914:QUG589914 REB589914:REC589914 RNX589914:RNY589914 RXT589914:RXU589914 SHP589914:SHQ589914 SRL589914:SRM589914 TBH589914:TBI589914 TLD589914:TLE589914 TUZ589914:TVA589914 UEV589914:UEW589914 UOR589914:UOS589914 UYN589914:UYO589914 VIJ589914:VIK589914 VSF589914:VSG589914 WCB589914:WCC589914 WLX589914:WLY589914 WVT589914:WVU589914 L655449:M655449 JH655450:JI655450 TD655450:TE655450 ACZ655450:ADA655450 AMV655450:AMW655450 AWR655450:AWS655450 BGN655450:BGO655450 BQJ655450:BQK655450 CAF655450:CAG655450 CKB655450:CKC655450 CTX655450:CTY655450 DDT655450:DDU655450 DNP655450:DNQ655450 DXL655450:DXM655450 EHH655450:EHI655450 ERD655450:ERE655450 FAZ655450:FBA655450 FKV655450:FKW655450 FUR655450:FUS655450 GEN655450:GEO655450 GOJ655450:GOK655450 GYF655450:GYG655450 HIB655450:HIC655450 HRX655450:HRY655450 IBT655450:IBU655450 ILP655450:ILQ655450 IVL655450:IVM655450 JFH655450:JFI655450 JPD655450:JPE655450 JYZ655450:JZA655450 KIV655450:KIW655450 KSR655450:KSS655450 LCN655450:LCO655450 LMJ655450:LMK655450 LWF655450:LWG655450 MGB655450:MGC655450 MPX655450:MPY655450 MZT655450:MZU655450 NJP655450:NJQ655450 NTL655450:NTM655450 ODH655450:ODI655450 OND655450:ONE655450 OWZ655450:OXA655450 PGV655450:PGW655450 PQR655450:PQS655450 QAN655450:QAO655450 QKJ655450:QKK655450 QUF655450:QUG655450 REB655450:REC655450 RNX655450:RNY655450 RXT655450:RXU655450 SHP655450:SHQ655450 SRL655450:SRM655450 TBH655450:TBI655450 TLD655450:TLE655450 TUZ655450:TVA655450 UEV655450:UEW655450 UOR655450:UOS655450 UYN655450:UYO655450 VIJ655450:VIK655450 VSF655450:VSG655450 WCB655450:WCC655450 WLX655450:WLY655450 WVT655450:WVU655450 L720985:M720985 JH720986:JI720986 TD720986:TE720986 ACZ720986:ADA720986 AMV720986:AMW720986 AWR720986:AWS720986 BGN720986:BGO720986 BQJ720986:BQK720986 CAF720986:CAG720986 CKB720986:CKC720986 CTX720986:CTY720986 DDT720986:DDU720986 DNP720986:DNQ720986 DXL720986:DXM720986 EHH720986:EHI720986 ERD720986:ERE720986 FAZ720986:FBA720986 FKV720986:FKW720986 FUR720986:FUS720986 GEN720986:GEO720986 GOJ720986:GOK720986 GYF720986:GYG720986 HIB720986:HIC720986 HRX720986:HRY720986 IBT720986:IBU720986 ILP720986:ILQ720986 IVL720986:IVM720986 JFH720986:JFI720986 JPD720986:JPE720986 JYZ720986:JZA720986 KIV720986:KIW720986 KSR720986:KSS720986 LCN720986:LCO720986 LMJ720986:LMK720986 LWF720986:LWG720986 MGB720986:MGC720986 MPX720986:MPY720986 MZT720986:MZU720986 NJP720986:NJQ720986 NTL720986:NTM720986 ODH720986:ODI720986 OND720986:ONE720986 OWZ720986:OXA720986 PGV720986:PGW720986 PQR720986:PQS720986 QAN720986:QAO720986 QKJ720986:QKK720986 QUF720986:QUG720986 REB720986:REC720986 RNX720986:RNY720986 RXT720986:RXU720986 SHP720986:SHQ720986 SRL720986:SRM720986 TBH720986:TBI720986 TLD720986:TLE720986 TUZ720986:TVA720986 UEV720986:UEW720986 UOR720986:UOS720986 UYN720986:UYO720986 VIJ720986:VIK720986 VSF720986:VSG720986 WCB720986:WCC720986 WLX720986:WLY720986 WVT720986:WVU720986 L786521:M786521 JH786522:JI786522 TD786522:TE786522 ACZ786522:ADA786522 AMV786522:AMW786522 AWR786522:AWS786522 BGN786522:BGO786522 BQJ786522:BQK786522 CAF786522:CAG786522 CKB786522:CKC786522 CTX786522:CTY786522 DDT786522:DDU786522 DNP786522:DNQ786522 DXL786522:DXM786522 EHH786522:EHI786522 ERD786522:ERE786522 FAZ786522:FBA786522 FKV786522:FKW786522 FUR786522:FUS786522 GEN786522:GEO786522 GOJ786522:GOK786522 GYF786522:GYG786522 HIB786522:HIC786522 HRX786522:HRY786522 IBT786522:IBU786522 ILP786522:ILQ786522 IVL786522:IVM786522 JFH786522:JFI786522 JPD786522:JPE786522 JYZ786522:JZA786522 KIV786522:KIW786522 KSR786522:KSS786522 LCN786522:LCO786522 LMJ786522:LMK786522 LWF786522:LWG786522 MGB786522:MGC786522 MPX786522:MPY786522 MZT786522:MZU786522 NJP786522:NJQ786522 NTL786522:NTM786522 ODH786522:ODI786522 OND786522:ONE786522 OWZ786522:OXA786522 PGV786522:PGW786522 PQR786522:PQS786522 QAN786522:QAO786522 QKJ786522:QKK786522 QUF786522:QUG786522 REB786522:REC786522 RNX786522:RNY786522 RXT786522:RXU786522 SHP786522:SHQ786522 SRL786522:SRM786522 TBH786522:TBI786522 TLD786522:TLE786522 TUZ786522:TVA786522 UEV786522:UEW786522 UOR786522:UOS786522 UYN786522:UYO786522 VIJ786522:VIK786522 VSF786522:VSG786522 WCB786522:WCC786522 WLX786522:WLY786522 WVT786522:WVU786522 L852057:M852057 JH852058:JI852058 TD852058:TE852058 ACZ852058:ADA852058 AMV852058:AMW852058 AWR852058:AWS852058 BGN852058:BGO852058 BQJ852058:BQK852058 CAF852058:CAG852058 CKB852058:CKC852058 CTX852058:CTY852058 DDT852058:DDU852058 DNP852058:DNQ852058 DXL852058:DXM852058 EHH852058:EHI852058 ERD852058:ERE852058 FAZ852058:FBA852058 FKV852058:FKW852058 FUR852058:FUS852058 GEN852058:GEO852058 GOJ852058:GOK852058 GYF852058:GYG852058 HIB852058:HIC852058 HRX852058:HRY852058 IBT852058:IBU852058 ILP852058:ILQ852058 IVL852058:IVM852058 JFH852058:JFI852058 JPD852058:JPE852058 JYZ852058:JZA852058 KIV852058:KIW852058 KSR852058:KSS852058 LCN852058:LCO852058 LMJ852058:LMK852058 LWF852058:LWG852058 MGB852058:MGC852058 MPX852058:MPY852058 MZT852058:MZU852058 NJP852058:NJQ852058 NTL852058:NTM852058 ODH852058:ODI852058 OND852058:ONE852058 OWZ852058:OXA852058 PGV852058:PGW852058 PQR852058:PQS852058 QAN852058:QAO852058 QKJ852058:QKK852058 QUF852058:QUG852058 REB852058:REC852058 RNX852058:RNY852058 RXT852058:RXU852058 SHP852058:SHQ852058 SRL852058:SRM852058 TBH852058:TBI852058 TLD852058:TLE852058 TUZ852058:TVA852058 UEV852058:UEW852058 UOR852058:UOS852058 UYN852058:UYO852058 VIJ852058:VIK852058 VSF852058:VSG852058 WCB852058:WCC852058 WLX852058:WLY852058 WVT852058:WVU852058 L917593:M917593 JH917594:JI917594 TD917594:TE917594 ACZ917594:ADA917594 AMV917594:AMW917594 AWR917594:AWS917594 BGN917594:BGO917594 BQJ917594:BQK917594 CAF917594:CAG917594 CKB917594:CKC917594 CTX917594:CTY917594 DDT917594:DDU917594 DNP917594:DNQ917594 DXL917594:DXM917594 EHH917594:EHI917594 ERD917594:ERE917594 FAZ917594:FBA917594 FKV917594:FKW917594 FUR917594:FUS917594 GEN917594:GEO917594 GOJ917594:GOK917594 GYF917594:GYG917594 HIB917594:HIC917594 HRX917594:HRY917594 IBT917594:IBU917594 ILP917594:ILQ917594 IVL917594:IVM917594 JFH917594:JFI917594 JPD917594:JPE917594 JYZ917594:JZA917594 KIV917594:KIW917594 KSR917594:KSS917594 LCN917594:LCO917594 LMJ917594:LMK917594 LWF917594:LWG917594 MGB917594:MGC917594 MPX917594:MPY917594 MZT917594:MZU917594 NJP917594:NJQ917594 NTL917594:NTM917594 ODH917594:ODI917594 OND917594:ONE917594 OWZ917594:OXA917594 PGV917594:PGW917594 PQR917594:PQS917594 QAN917594:QAO917594 QKJ917594:QKK917594 QUF917594:QUG917594 REB917594:REC917594 RNX917594:RNY917594 RXT917594:RXU917594 SHP917594:SHQ917594 SRL917594:SRM917594 TBH917594:TBI917594 TLD917594:TLE917594 TUZ917594:TVA917594 UEV917594:UEW917594 UOR917594:UOS917594 UYN917594:UYO917594 VIJ917594:VIK917594 VSF917594:VSG917594 WCB917594:WCC917594 WLX917594:WLY917594 WVT917594:WVU917594 L983129:M983129 JH983130:JI983130 TD983130:TE983130 ACZ983130:ADA983130 AMV983130:AMW983130 AWR983130:AWS983130 BGN983130:BGO983130 BQJ983130:BQK983130 CAF983130:CAG983130 CKB983130:CKC983130 CTX983130:CTY983130 DDT983130:DDU983130 DNP983130:DNQ983130 DXL983130:DXM983130 EHH983130:EHI983130 ERD983130:ERE983130 FAZ983130:FBA983130 FKV983130:FKW983130 FUR983130:FUS983130 GEN983130:GEO983130 GOJ983130:GOK983130 GYF983130:GYG983130 HIB983130:HIC983130 HRX983130:HRY983130 IBT983130:IBU983130 ILP983130:ILQ983130 IVL983130:IVM983130 JFH983130:JFI983130 JPD983130:JPE983130 JYZ983130:JZA983130 KIV983130:KIW983130 KSR983130:KSS983130 LCN983130:LCO983130 LMJ983130:LMK983130 LWF983130:LWG983130 MGB983130:MGC983130 MPX983130:MPY983130 MZT983130:MZU983130 NJP983130:NJQ983130 NTL983130:NTM983130 ODH983130:ODI983130 OND983130:ONE983130 OWZ983130:OXA983130 PGV983130:PGW983130 PQR983130:PQS983130 QAN983130:QAO983130 QKJ983130:QKK983130 QUF983130:QUG983130 REB983130:REC983130 RNX983130:RNY983130 RXT983130:RXU983130 SHP983130:SHQ983130 SRL983130:SRM983130 TBH983130:TBI983130 TLD983130:TLE983130 TUZ983130:TVA983130 UEV983130:UEW983130 UOR983130:UOS983130 UYN983130:UYO983130 VIJ983130:VIK983130 VSF983130:VSG983130 WCB983130:WCC983130 WLX983130:WLY983130 WVT983130:WVU983130 L65618:M65619 JH65619:JI65620 TD65619:TE65620 ACZ65619:ADA65620 AMV65619:AMW65620 AWR65619:AWS65620 BGN65619:BGO65620 BQJ65619:BQK65620 CAF65619:CAG65620 CKB65619:CKC65620 CTX65619:CTY65620 DDT65619:DDU65620 DNP65619:DNQ65620 DXL65619:DXM65620 EHH65619:EHI65620 ERD65619:ERE65620 FAZ65619:FBA65620 FKV65619:FKW65620 FUR65619:FUS65620 GEN65619:GEO65620 GOJ65619:GOK65620 GYF65619:GYG65620 HIB65619:HIC65620 HRX65619:HRY65620 IBT65619:IBU65620 ILP65619:ILQ65620 IVL65619:IVM65620 JFH65619:JFI65620 JPD65619:JPE65620 JYZ65619:JZA65620 KIV65619:KIW65620 KSR65619:KSS65620 LCN65619:LCO65620 LMJ65619:LMK65620 LWF65619:LWG65620 MGB65619:MGC65620 MPX65619:MPY65620 MZT65619:MZU65620 NJP65619:NJQ65620 NTL65619:NTM65620 ODH65619:ODI65620 OND65619:ONE65620 OWZ65619:OXA65620 PGV65619:PGW65620 PQR65619:PQS65620 QAN65619:QAO65620 QKJ65619:QKK65620 QUF65619:QUG65620 REB65619:REC65620 RNX65619:RNY65620 RXT65619:RXU65620 SHP65619:SHQ65620 SRL65619:SRM65620 TBH65619:TBI65620 TLD65619:TLE65620 TUZ65619:TVA65620 UEV65619:UEW65620 UOR65619:UOS65620 UYN65619:UYO65620 VIJ65619:VIK65620 VSF65619:VSG65620 WCB65619:WCC65620 WLX65619:WLY65620 WVT65619:WVU65620 L131154:M131155 JH131155:JI131156 TD131155:TE131156 ACZ131155:ADA131156 AMV131155:AMW131156 AWR131155:AWS131156 BGN131155:BGO131156 BQJ131155:BQK131156 CAF131155:CAG131156 CKB131155:CKC131156 CTX131155:CTY131156 DDT131155:DDU131156 DNP131155:DNQ131156 DXL131155:DXM131156 EHH131155:EHI131156 ERD131155:ERE131156 FAZ131155:FBA131156 FKV131155:FKW131156 FUR131155:FUS131156 GEN131155:GEO131156 GOJ131155:GOK131156 GYF131155:GYG131156 HIB131155:HIC131156 HRX131155:HRY131156 IBT131155:IBU131156 ILP131155:ILQ131156 IVL131155:IVM131156 JFH131155:JFI131156 JPD131155:JPE131156 JYZ131155:JZA131156 KIV131155:KIW131156 KSR131155:KSS131156 LCN131155:LCO131156 LMJ131155:LMK131156 LWF131155:LWG131156 MGB131155:MGC131156 MPX131155:MPY131156 MZT131155:MZU131156 NJP131155:NJQ131156 NTL131155:NTM131156 ODH131155:ODI131156 OND131155:ONE131156 OWZ131155:OXA131156 PGV131155:PGW131156 PQR131155:PQS131156 QAN131155:QAO131156 QKJ131155:QKK131156 QUF131155:QUG131156 REB131155:REC131156 RNX131155:RNY131156 RXT131155:RXU131156 SHP131155:SHQ131156 SRL131155:SRM131156 TBH131155:TBI131156 TLD131155:TLE131156 TUZ131155:TVA131156 UEV131155:UEW131156 UOR131155:UOS131156 UYN131155:UYO131156 VIJ131155:VIK131156 VSF131155:VSG131156 WCB131155:WCC131156 WLX131155:WLY131156 WVT131155:WVU131156 L196690:M196691 JH196691:JI196692 TD196691:TE196692 ACZ196691:ADA196692 AMV196691:AMW196692 AWR196691:AWS196692 BGN196691:BGO196692 BQJ196691:BQK196692 CAF196691:CAG196692 CKB196691:CKC196692 CTX196691:CTY196692 DDT196691:DDU196692 DNP196691:DNQ196692 DXL196691:DXM196692 EHH196691:EHI196692 ERD196691:ERE196692 FAZ196691:FBA196692 FKV196691:FKW196692 FUR196691:FUS196692 GEN196691:GEO196692 GOJ196691:GOK196692 GYF196691:GYG196692 HIB196691:HIC196692 HRX196691:HRY196692 IBT196691:IBU196692 ILP196691:ILQ196692 IVL196691:IVM196692 JFH196691:JFI196692 JPD196691:JPE196692 JYZ196691:JZA196692 KIV196691:KIW196692 KSR196691:KSS196692 LCN196691:LCO196692 LMJ196691:LMK196692 LWF196691:LWG196692 MGB196691:MGC196692 MPX196691:MPY196692 MZT196691:MZU196692 NJP196691:NJQ196692 NTL196691:NTM196692 ODH196691:ODI196692 OND196691:ONE196692 OWZ196691:OXA196692 PGV196691:PGW196692 PQR196691:PQS196692 QAN196691:QAO196692 QKJ196691:QKK196692 QUF196691:QUG196692 REB196691:REC196692 RNX196691:RNY196692 RXT196691:RXU196692 SHP196691:SHQ196692 SRL196691:SRM196692 TBH196691:TBI196692 TLD196691:TLE196692 TUZ196691:TVA196692 UEV196691:UEW196692 UOR196691:UOS196692 UYN196691:UYO196692 VIJ196691:VIK196692 VSF196691:VSG196692 WCB196691:WCC196692 WLX196691:WLY196692 WVT196691:WVU196692 L262226:M262227 JH262227:JI262228 TD262227:TE262228 ACZ262227:ADA262228 AMV262227:AMW262228 AWR262227:AWS262228 BGN262227:BGO262228 BQJ262227:BQK262228 CAF262227:CAG262228 CKB262227:CKC262228 CTX262227:CTY262228 DDT262227:DDU262228 DNP262227:DNQ262228 DXL262227:DXM262228 EHH262227:EHI262228 ERD262227:ERE262228 FAZ262227:FBA262228 FKV262227:FKW262228 FUR262227:FUS262228 GEN262227:GEO262228 GOJ262227:GOK262228 GYF262227:GYG262228 HIB262227:HIC262228 HRX262227:HRY262228 IBT262227:IBU262228 ILP262227:ILQ262228 IVL262227:IVM262228 JFH262227:JFI262228 JPD262227:JPE262228 JYZ262227:JZA262228 KIV262227:KIW262228 KSR262227:KSS262228 LCN262227:LCO262228 LMJ262227:LMK262228 LWF262227:LWG262228 MGB262227:MGC262228 MPX262227:MPY262228 MZT262227:MZU262228 NJP262227:NJQ262228 NTL262227:NTM262228 ODH262227:ODI262228 OND262227:ONE262228 OWZ262227:OXA262228 PGV262227:PGW262228 PQR262227:PQS262228 QAN262227:QAO262228 QKJ262227:QKK262228 QUF262227:QUG262228 REB262227:REC262228 RNX262227:RNY262228 RXT262227:RXU262228 SHP262227:SHQ262228 SRL262227:SRM262228 TBH262227:TBI262228 TLD262227:TLE262228 TUZ262227:TVA262228 UEV262227:UEW262228 UOR262227:UOS262228 UYN262227:UYO262228 VIJ262227:VIK262228 VSF262227:VSG262228 WCB262227:WCC262228 WLX262227:WLY262228 WVT262227:WVU262228 L327762:M327763 JH327763:JI327764 TD327763:TE327764 ACZ327763:ADA327764 AMV327763:AMW327764 AWR327763:AWS327764 BGN327763:BGO327764 BQJ327763:BQK327764 CAF327763:CAG327764 CKB327763:CKC327764 CTX327763:CTY327764 DDT327763:DDU327764 DNP327763:DNQ327764 DXL327763:DXM327764 EHH327763:EHI327764 ERD327763:ERE327764 FAZ327763:FBA327764 FKV327763:FKW327764 FUR327763:FUS327764 GEN327763:GEO327764 GOJ327763:GOK327764 GYF327763:GYG327764 HIB327763:HIC327764 HRX327763:HRY327764 IBT327763:IBU327764 ILP327763:ILQ327764 IVL327763:IVM327764 JFH327763:JFI327764 JPD327763:JPE327764 JYZ327763:JZA327764 KIV327763:KIW327764 KSR327763:KSS327764 LCN327763:LCO327764 LMJ327763:LMK327764 LWF327763:LWG327764 MGB327763:MGC327764 MPX327763:MPY327764 MZT327763:MZU327764 NJP327763:NJQ327764 NTL327763:NTM327764 ODH327763:ODI327764 OND327763:ONE327764 OWZ327763:OXA327764 PGV327763:PGW327764 PQR327763:PQS327764 QAN327763:QAO327764 QKJ327763:QKK327764 QUF327763:QUG327764 REB327763:REC327764 RNX327763:RNY327764 RXT327763:RXU327764 SHP327763:SHQ327764 SRL327763:SRM327764 TBH327763:TBI327764 TLD327763:TLE327764 TUZ327763:TVA327764 UEV327763:UEW327764 UOR327763:UOS327764 UYN327763:UYO327764 VIJ327763:VIK327764 VSF327763:VSG327764 WCB327763:WCC327764 WLX327763:WLY327764 WVT327763:WVU327764 L393298:M393299 JH393299:JI393300 TD393299:TE393300 ACZ393299:ADA393300 AMV393299:AMW393300 AWR393299:AWS393300 BGN393299:BGO393300 BQJ393299:BQK393300 CAF393299:CAG393300 CKB393299:CKC393300 CTX393299:CTY393300 DDT393299:DDU393300 DNP393299:DNQ393300 DXL393299:DXM393300 EHH393299:EHI393300 ERD393299:ERE393300 FAZ393299:FBA393300 FKV393299:FKW393300 FUR393299:FUS393300 GEN393299:GEO393300 GOJ393299:GOK393300 GYF393299:GYG393300 HIB393299:HIC393300 HRX393299:HRY393300 IBT393299:IBU393300 ILP393299:ILQ393300 IVL393299:IVM393300 JFH393299:JFI393300 JPD393299:JPE393300 JYZ393299:JZA393300 KIV393299:KIW393300 KSR393299:KSS393300 LCN393299:LCO393300 LMJ393299:LMK393300 LWF393299:LWG393300 MGB393299:MGC393300 MPX393299:MPY393300 MZT393299:MZU393300 NJP393299:NJQ393300 NTL393299:NTM393300 ODH393299:ODI393300 OND393299:ONE393300 OWZ393299:OXA393300 PGV393299:PGW393300 PQR393299:PQS393300 QAN393299:QAO393300 QKJ393299:QKK393300 QUF393299:QUG393300 REB393299:REC393300 RNX393299:RNY393300 RXT393299:RXU393300 SHP393299:SHQ393300 SRL393299:SRM393300 TBH393299:TBI393300 TLD393299:TLE393300 TUZ393299:TVA393300 UEV393299:UEW393300 UOR393299:UOS393300 UYN393299:UYO393300 VIJ393299:VIK393300 VSF393299:VSG393300 WCB393299:WCC393300 WLX393299:WLY393300 WVT393299:WVU393300 L458834:M458835 JH458835:JI458836 TD458835:TE458836 ACZ458835:ADA458836 AMV458835:AMW458836 AWR458835:AWS458836 BGN458835:BGO458836 BQJ458835:BQK458836 CAF458835:CAG458836 CKB458835:CKC458836 CTX458835:CTY458836 DDT458835:DDU458836 DNP458835:DNQ458836 DXL458835:DXM458836 EHH458835:EHI458836 ERD458835:ERE458836 FAZ458835:FBA458836 FKV458835:FKW458836 FUR458835:FUS458836 GEN458835:GEO458836 GOJ458835:GOK458836 GYF458835:GYG458836 HIB458835:HIC458836 HRX458835:HRY458836 IBT458835:IBU458836 ILP458835:ILQ458836 IVL458835:IVM458836 JFH458835:JFI458836 JPD458835:JPE458836 JYZ458835:JZA458836 KIV458835:KIW458836 KSR458835:KSS458836 LCN458835:LCO458836 LMJ458835:LMK458836 LWF458835:LWG458836 MGB458835:MGC458836 MPX458835:MPY458836 MZT458835:MZU458836 NJP458835:NJQ458836 NTL458835:NTM458836 ODH458835:ODI458836 OND458835:ONE458836 OWZ458835:OXA458836 PGV458835:PGW458836 PQR458835:PQS458836 QAN458835:QAO458836 QKJ458835:QKK458836 QUF458835:QUG458836 REB458835:REC458836 RNX458835:RNY458836 RXT458835:RXU458836 SHP458835:SHQ458836 SRL458835:SRM458836 TBH458835:TBI458836 TLD458835:TLE458836 TUZ458835:TVA458836 UEV458835:UEW458836 UOR458835:UOS458836 UYN458835:UYO458836 VIJ458835:VIK458836 VSF458835:VSG458836 WCB458835:WCC458836 WLX458835:WLY458836 WVT458835:WVU458836 L524370:M524371 JH524371:JI524372 TD524371:TE524372 ACZ524371:ADA524372 AMV524371:AMW524372 AWR524371:AWS524372 BGN524371:BGO524372 BQJ524371:BQK524372 CAF524371:CAG524372 CKB524371:CKC524372 CTX524371:CTY524372 DDT524371:DDU524372 DNP524371:DNQ524372 DXL524371:DXM524372 EHH524371:EHI524372 ERD524371:ERE524372 FAZ524371:FBA524372 FKV524371:FKW524372 FUR524371:FUS524372 GEN524371:GEO524372 GOJ524371:GOK524372 GYF524371:GYG524372 HIB524371:HIC524372 HRX524371:HRY524372 IBT524371:IBU524372 ILP524371:ILQ524372 IVL524371:IVM524372 JFH524371:JFI524372 JPD524371:JPE524372 JYZ524371:JZA524372 KIV524371:KIW524372 KSR524371:KSS524372 LCN524371:LCO524372 LMJ524371:LMK524372 LWF524371:LWG524372 MGB524371:MGC524372 MPX524371:MPY524372 MZT524371:MZU524372 NJP524371:NJQ524372 NTL524371:NTM524372 ODH524371:ODI524372 OND524371:ONE524372 OWZ524371:OXA524372 PGV524371:PGW524372 PQR524371:PQS524372 QAN524371:QAO524372 QKJ524371:QKK524372 QUF524371:QUG524372 REB524371:REC524372 RNX524371:RNY524372 RXT524371:RXU524372 SHP524371:SHQ524372 SRL524371:SRM524372 TBH524371:TBI524372 TLD524371:TLE524372 TUZ524371:TVA524372 UEV524371:UEW524372 UOR524371:UOS524372 UYN524371:UYO524372 VIJ524371:VIK524372 VSF524371:VSG524372 WCB524371:WCC524372 WLX524371:WLY524372 WVT524371:WVU524372 L589906:M589907 JH589907:JI589908 TD589907:TE589908 ACZ589907:ADA589908 AMV589907:AMW589908 AWR589907:AWS589908 BGN589907:BGO589908 BQJ589907:BQK589908 CAF589907:CAG589908 CKB589907:CKC589908 CTX589907:CTY589908 DDT589907:DDU589908 DNP589907:DNQ589908 DXL589907:DXM589908 EHH589907:EHI589908 ERD589907:ERE589908 FAZ589907:FBA589908 FKV589907:FKW589908 FUR589907:FUS589908 GEN589907:GEO589908 GOJ589907:GOK589908 GYF589907:GYG589908 HIB589907:HIC589908 HRX589907:HRY589908 IBT589907:IBU589908 ILP589907:ILQ589908 IVL589907:IVM589908 JFH589907:JFI589908 JPD589907:JPE589908 JYZ589907:JZA589908 KIV589907:KIW589908 KSR589907:KSS589908 LCN589907:LCO589908 LMJ589907:LMK589908 LWF589907:LWG589908 MGB589907:MGC589908 MPX589907:MPY589908 MZT589907:MZU589908 NJP589907:NJQ589908 NTL589907:NTM589908 ODH589907:ODI589908 OND589907:ONE589908 OWZ589907:OXA589908 PGV589907:PGW589908 PQR589907:PQS589908 QAN589907:QAO589908 QKJ589907:QKK589908 QUF589907:QUG589908 REB589907:REC589908 RNX589907:RNY589908 RXT589907:RXU589908 SHP589907:SHQ589908 SRL589907:SRM589908 TBH589907:TBI589908 TLD589907:TLE589908 TUZ589907:TVA589908 UEV589907:UEW589908 UOR589907:UOS589908 UYN589907:UYO589908 VIJ589907:VIK589908 VSF589907:VSG589908 WCB589907:WCC589908 WLX589907:WLY589908 WVT589907:WVU589908 L655442:M655443 JH655443:JI655444 TD655443:TE655444 ACZ655443:ADA655444 AMV655443:AMW655444 AWR655443:AWS655444 BGN655443:BGO655444 BQJ655443:BQK655444 CAF655443:CAG655444 CKB655443:CKC655444 CTX655443:CTY655444 DDT655443:DDU655444 DNP655443:DNQ655444 DXL655443:DXM655444 EHH655443:EHI655444 ERD655443:ERE655444 FAZ655443:FBA655444 FKV655443:FKW655444 FUR655443:FUS655444 GEN655443:GEO655444 GOJ655443:GOK655444 GYF655443:GYG655444 HIB655443:HIC655444 HRX655443:HRY655444 IBT655443:IBU655444 ILP655443:ILQ655444 IVL655443:IVM655444 JFH655443:JFI655444 JPD655443:JPE655444 JYZ655443:JZA655444 KIV655443:KIW655444 KSR655443:KSS655444 LCN655443:LCO655444 LMJ655443:LMK655444 LWF655443:LWG655444 MGB655443:MGC655444 MPX655443:MPY655444 MZT655443:MZU655444 NJP655443:NJQ655444 NTL655443:NTM655444 ODH655443:ODI655444 OND655443:ONE655444 OWZ655443:OXA655444 PGV655443:PGW655444 PQR655443:PQS655444 QAN655443:QAO655444 QKJ655443:QKK655444 QUF655443:QUG655444 REB655443:REC655444 RNX655443:RNY655444 RXT655443:RXU655444 SHP655443:SHQ655444 SRL655443:SRM655444 TBH655443:TBI655444 TLD655443:TLE655444 TUZ655443:TVA655444 UEV655443:UEW655444 UOR655443:UOS655444 UYN655443:UYO655444 VIJ655443:VIK655444 VSF655443:VSG655444 WCB655443:WCC655444 WLX655443:WLY655444 WVT655443:WVU655444 L720978:M720979 JH720979:JI720980 TD720979:TE720980 ACZ720979:ADA720980 AMV720979:AMW720980 AWR720979:AWS720980 BGN720979:BGO720980 BQJ720979:BQK720980 CAF720979:CAG720980 CKB720979:CKC720980 CTX720979:CTY720980 DDT720979:DDU720980 DNP720979:DNQ720980 DXL720979:DXM720980 EHH720979:EHI720980 ERD720979:ERE720980 FAZ720979:FBA720980 FKV720979:FKW720980 FUR720979:FUS720980 GEN720979:GEO720980 GOJ720979:GOK720980 GYF720979:GYG720980 HIB720979:HIC720980 HRX720979:HRY720980 IBT720979:IBU720980 ILP720979:ILQ720980 IVL720979:IVM720980 JFH720979:JFI720980 JPD720979:JPE720980 JYZ720979:JZA720980 KIV720979:KIW720980 KSR720979:KSS720980 LCN720979:LCO720980 LMJ720979:LMK720980 LWF720979:LWG720980 MGB720979:MGC720980 MPX720979:MPY720980 MZT720979:MZU720980 NJP720979:NJQ720980 NTL720979:NTM720980 ODH720979:ODI720980 OND720979:ONE720980 OWZ720979:OXA720980 PGV720979:PGW720980 PQR720979:PQS720980 QAN720979:QAO720980 QKJ720979:QKK720980 QUF720979:QUG720980 REB720979:REC720980 RNX720979:RNY720980 RXT720979:RXU720980 SHP720979:SHQ720980 SRL720979:SRM720980 TBH720979:TBI720980 TLD720979:TLE720980 TUZ720979:TVA720980 UEV720979:UEW720980 UOR720979:UOS720980 UYN720979:UYO720980 VIJ720979:VIK720980 VSF720979:VSG720980 WCB720979:WCC720980 WLX720979:WLY720980 WVT720979:WVU720980 L786514:M786515 JH786515:JI786516 TD786515:TE786516 ACZ786515:ADA786516 AMV786515:AMW786516 AWR786515:AWS786516 BGN786515:BGO786516 BQJ786515:BQK786516 CAF786515:CAG786516 CKB786515:CKC786516 CTX786515:CTY786516 DDT786515:DDU786516 DNP786515:DNQ786516 DXL786515:DXM786516 EHH786515:EHI786516 ERD786515:ERE786516 FAZ786515:FBA786516 FKV786515:FKW786516 FUR786515:FUS786516 GEN786515:GEO786516 GOJ786515:GOK786516 GYF786515:GYG786516 HIB786515:HIC786516 HRX786515:HRY786516 IBT786515:IBU786516 ILP786515:ILQ786516 IVL786515:IVM786516 JFH786515:JFI786516 JPD786515:JPE786516 JYZ786515:JZA786516 KIV786515:KIW786516 KSR786515:KSS786516 LCN786515:LCO786516 LMJ786515:LMK786516 LWF786515:LWG786516 MGB786515:MGC786516 MPX786515:MPY786516 MZT786515:MZU786516 NJP786515:NJQ786516 NTL786515:NTM786516 ODH786515:ODI786516 OND786515:ONE786516 OWZ786515:OXA786516 PGV786515:PGW786516 PQR786515:PQS786516 QAN786515:QAO786516 QKJ786515:QKK786516 QUF786515:QUG786516 REB786515:REC786516 RNX786515:RNY786516 RXT786515:RXU786516 SHP786515:SHQ786516 SRL786515:SRM786516 TBH786515:TBI786516 TLD786515:TLE786516 TUZ786515:TVA786516 UEV786515:UEW786516 UOR786515:UOS786516 UYN786515:UYO786516 VIJ786515:VIK786516 VSF786515:VSG786516 WCB786515:WCC786516 WLX786515:WLY786516 WVT786515:WVU786516 L852050:M852051 JH852051:JI852052 TD852051:TE852052 ACZ852051:ADA852052 AMV852051:AMW852052 AWR852051:AWS852052 BGN852051:BGO852052 BQJ852051:BQK852052 CAF852051:CAG852052 CKB852051:CKC852052 CTX852051:CTY852052 DDT852051:DDU852052 DNP852051:DNQ852052 DXL852051:DXM852052 EHH852051:EHI852052 ERD852051:ERE852052 FAZ852051:FBA852052 FKV852051:FKW852052 FUR852051:FUS852052 GEN852051:GEO852052 GOJ852051:GOK852052 GYF852051:GYG852052 HIB852051:HIC852052 HRX852051:HRY852052 IBT852051:IBU852052 ILP852051:ILQ852052 IVL852051:IVM852052 JFH852051:JFI852052 JPD852051:JPE852052 JYZ852051:JZA852052 KIV852051:KIW852052 KSR852051:KSS852052 LCN852051:LCO852052 LMJ852051:LMK852052 LWF852051:LWG852052 MGB852051:MGC852052 MPX852051:MPY852052 MZT852051:MZU852052 NJP852051:NJQ852052 NTL852051:NTM852052 ODH852051:ODI852052 OND852051:ONE852052 OWZ852051:OXA852052 PGV852051:PGW852052 PQR852051:PQS852052 QAN852051:QAO852052 QKJ852051:QKK852052 QUF852051:QUG852052 REB852051:REC852052 RNX852051:RNY852052 RXT852051:RXU852052 SHP852051:SHQ852052 SRL852051:SRM852052 TBH852051:TBI852052 TLD852051:TLE852052 TUZ852051:TVA852052 UEV852051:UEW852052 UOR852051:UOS852052 UYN852051:UYO852052 VIJ852051:VIK852052 VSF852051:VSG852052 WCB852051:WCC852052 WLX852051:WLY852052 WVT852051:WVU852052 L917586:M917587 JH917587:JI917588 TD917587:TE917588 ACZ917587:ADA917588 AMV917587:AMW917588 AWR917587:AWS917588 BGN917587:BGO917588 BQJ917587:BQK917588 CAF917587:CAG917588 CKB917587:CKC917588 CTX917587:CTY917588 DDT917587:DDU917588 DNP917587:DNQ917588 DXL917587:DXM917588 EHH917587:EHI917588 ERD917587:ERE917588 FAZ917587:FBA917588 FKV917587:FKW917588 FUR917587:FUS917588 GEN917587:GEO917588 GOJ917587:GOK917588 GYF917587:GYG917588 HIB917587:HIC917588 HRX917587:HRY917588 IBT917587:IBU917588 ILP917587:ILQ917588 IVL917587:IVM917588 JFH917587:JFI917588 JPD917587:JPE917588 JYZ917587:JZA917588 KIV917587:KIW917588 KSR917587:KSS917588 LCN917587:LCO917588 LMJ917587:LMK917588 LWF917587:LWG917588 MGB917587:MGC917588 MPX917587:MPY917588 MZT917587:MZU917588 NJP917587:NJQ917588 NTL917587:NTM917588 ODH917587:ODI917588 OND917587:ONE917588 OWZ917587:OXA917588 PGV917587:PGW917588 PQR917587:PQS917588 QAN917587:QAO917588 QKJ917587:QKK917588 QUF917587:QUG917588 REB917587:REC917588 RNX917587:RNY917588 RXT917587:RXU917588 SHP917587:SHQ917588 SRL917587:SRM917588 TBH917587:TBI917588 TLD917587:TLE917588 TUZ917587:TVA917588 UEV917587:UEW917588 UOR917587:UOS917588 UYN917587:UYO917588 VIJ917587:VIK917588 VSF917587:VSG917588 WCB917587:WCC917588 WLX917587:WLY917588 WVT917587:WVU917588 L983122:M983123 JH983123:JI983124 TD983123:TE983124 ACZ983123:ADA983124 AMV983123:AMW983124 AWR983123:AWS983124 BGN983123:BGO983124 BQJ983123:BQK983124 CAF983123:CAG983124 CKB983123:CKC983124 CTX983123:CTY983124 DDT983123:DDU983124 DNP983123:DNQ983124 DXL983123:DXM983124 EHH983123:EHI983124 ERD983123:ERE983124 FAZ983123:FBA983124 FKV983123:FKW983124 FUR983123:FUS983124 GEN983123:GEO983124 GOJ983123:GOK983124 GYF983123:GYG983124 HIB983123:HIC983124 HRX983123:HRY983124 IBT983123:IBU983124 ILP983123:ILQ983124 IVL983123:IVM983124 JFH983123:JFI983124 JPD983123:JPE983124 JYZ983123:JZA983124 KIV983123:KIW983124 KSR983123:KSS983124 LCN983123:LCO983124 LMJ983123:LMK983124 LWF983123:LWG983124 MGB983123:MGC983124 MPX983123:MPY983124 MZT983123:MZU983124 NJP983123:NJQ983124 NTL983123:NTM983124 ODH983123:ODI983124 OND983123:ONE983124 OWZ983123:OXA983124 PGV983123:PGW983124 PQR983123:PQS983124 QAN983123:QAO983124 QKJ983123:QKK983124 QUF983123:QUG983124 REB983123:REC983124 RNX983123:RNY983124 RXT983123:RXU983124 SHP983123:SHQ983124 SRL983123:SRM983124 TBH983123:TBI983124 TLD983123:TLE983124 TUZ983123:TVA983124 UEV983123:UEW983124 UOR983123:UOS983124 UYN983123:UYO983124 VIJ983123:VIK983124 VSF983123:VSG983124 WCB983123:WCC983124 WLX983123:WLY983124 WVT983123:WVU983124 WVT78:WVU79 WLX78:WLY79 WCB78:WCC79 VSF78:VSG79 VIJ78:VIK79 UYN78:UYO79 UOR78:UOS79 UEV78:UEW79 TUZ78:TVA79 TLD78:TLE79 TBH78:TBI79 SRL78:SRM79 SHP78:SHQ79 RXT78:RXU79 RNX78:RNY79 REB78:REC79 QUF78:QUG79 QKJ78:QKK79 QAN78:QAO79 PQR78:PQS79 PGV78:PGW79 OWZ78:OXA79 OND78:ONE79 ODH78:ODI79 NTL78:NTM79 NJP78:NJQ79 MZT78:MZU79 MPX78:MPY79 MGB78:MGC79 LWF78:LWG79 LMJ78:LMK79 LCN78:LCO79 KSR78:KSS79 KIV78:KIW79 JYZ78:JZA79 JPD78:JPE79 JFH78:JFI79 IVL78:IVM79 ILP78:ILQ79 IBT78:IBU79 HRX78:HRY79 HIB78:HIC79 GYF78:GYG79 GOJ78:GOK79 GEN78:GEO79 FUR78:FUS79 FKV78:FKW79 FAZ78:FBA79 ERD78:ERE79 EHH78:EHI79 DXL78:DXM79 DNP78:DNQ79 DDT78:DDU79 CTX78:CTY79 CKB78:CKC79 CAF78:CAG79 BQJ78:BQK79 BGN78:BGO79 AWR78:AWS79 AMV78:AMW79 ACZ78:ADA79 TD78:TE79 JH78:JI79 L77:M78 WVT103:WVU104 WLX103:WLY104 WCB103:WCC104 VSF103:VSG104 VIJ103:VIK104 UYN103:UYO104 UOR103:UOS104 UEV103:UEW104 TUZ103:TVA104 TLD103:TLE104 TBH103:TBI104 SRL103:SRM104 SHP103:SHQ104 RXT103:RXU104 RNX103:RNY104 REB103:REC104 QUF103:QUG104 QKJ103:QKK104 QAN103:QAO104 PQR103:PQS104 PGV103:PGW104 OWZ103:OXA104 OND103:ONE104 ODH103:ODI104 NTL103:NTM104 NJP103:NJQ104 MZT103:MZU104 MPX103:MPY104 MGB103:MGC104 LWF103:LWG104 LMJ103:LMK104 LCN103:LCO104 KSR103:KSS104 KIV103:KIW104 JYZ103:JZA104 JPD103:JPE104 JFH103:JFI104 IVL103:IVM104 ILP103:ILQ104 IBT103:IBU104 HRX103:HRY104 HIB103:HIC104 GYF103:GYG104 GOJ103:GOK104 GEN103:GEO104 FUR103:FUS104 FKV103:FKW104 FAZ103:FBA104 ERD103:ERE104 EHH103:EHI104 DXL103:DXM104 DNP103:DNQ104 DDT103:DDU104 CTX103:CTY104 CKB103:CKC104 CAF103:CAG104 BQJ103:BQK104 BGN103:BGO104 AWR103:AWS104 AMV103:AMW104 ACZ103:ADA104 TD103:TE104 JH103:JI104 L102:M103">
      <formula1>"Yes/No,Yes , No"</formula1>
    </dataValidation>
    <dataValidation type="list" allowBlank="1" showInputMessage="1" showErrorMessage="1" sqref="G65630:H65631 JC65631:JD65632 SY65631:SZ65632 ACU65631:ACV65632 AMQ65631:AMR65632 AWM65631:AWN65632 BGI65631:BGJ65632 BQE65631:BQF65632 CAA65631:CAB65632 CJW65631:CJX65632 CTS65631:CTT65632 DDO65631:DDP65632 DNK65631:DNL65632 DXG65631:DXH65632 EHC65631:EHD65632 EQY65631:EQZ65632 FAU65631:FAV65632 FKQ65631:FKR65632 FUM65631:FUN65632 GEI65631:GEJ65632 GOE65631:GOF65632 GYA65631:GYB65632 HHW65631:HHX65632 HRS65631:HRT65632 IBO65631:IBP65632 ILK65631:ILL65632 IVG65631:IVH65632 JFC65631:JFD65632 JOY65631:JOZ65632 JYU65631:JYV65632 KIQ65631:KIR65632 KSM65631:KSN65632 LCI65631:LCJ65632 LME65631:LMF65632 LWA65631:LWB65632 MFW65631:MFX65632 MPS65631:MPT65632 MZO65631:MZP65632 NJK65631:NJL65632 NTG65631:NTH65632 ODC65631:ODD65632 OMY65631:OMZ65632 OWU65631:OWV65632 PGQ65631:PGR65632 PQM65631:PQN65632 QAI65631:QAJ65632 QKE65631:QKF65632 QUA65631:QUB65632 RDW65631:RDX65632 RNS65631:RNT65632 RXO65631:RXP65632 SHK65631:SHL65632 SRG65631:SRH65632 TBC65631:TBD65632 TKY65631:TKZ65632 TUU65631:TUV65632 UEQ65631:UER65632 UOM65631:UON65632 UYI65631:UYJ65632 VIE65631:VIF65632 VSA65631:VSB65632 WBW65631:WBX65632 WLS65631:WLT65632 WVO65631:WVP65632 G131166:H131167 JC131167:JD131168 SY131167:SZ131168 ACU131167:ACV131168 AMQ131167:AMR131168 AWM131167:AWN131168 BGI131167:BGJ131168 BQE131167:BQF131168 CAA131167:CAB131168 CJW131167:CJX131168 CTS131167:CTT131168 DDO131167:DDP131168 DNK131167:DNL131168 DXG131167:DXH131168 EHC131167:EHD131168 EQY131167:EQZ131168 FAU131167:FAV131168 FKQ131167:FKR131168 FUM131167:FUN131168 GEI131167:GEJ131168 GOE131167:GOF131168 GYA131167:GYB131168 HHW131167:HHX131168 HRS131167:HRT131168 IBO131167:IBP131168 ILK131167:ILL131168 IVG131167:IVH131168 JFC131167:JFD131168 JOY131167:JOZ131168 JYU131167:JYV131168 KIQ131167:KIR131168 KSM131167:KSN131168 LCI131167:LCJ131168 LME131167:LMF131168 LWA131167:LWB131168 MFW131167:MFX131168 MPS131167:MPT131168 MZO131167:MZP131168 NJK131167:NJL131168 NTG131167:NTH131168 ODC131167:ODD131168 OMY131167:OMZ131168 OWU131167:OWV131168 PGQ131167:PGR131168 PQM131167:PQN131168 QAI131167:QAJ131168 QKE131167:QKF131168 QUA131167:QUB131168 RDW131167:RDX131168 RNS131167:RNT131168 RXO131167:RXP131168 SHK131167:SHL131168 SRG131167:SRH131168 TBC131167:TBD131168 TKY131167:TKZ131168 TUU131167:TUV131168 UEQ131167:UER131168 UOM131167:UON131168 UYI131167:UYJ131168 VIE131167:VIF131168 VSA131167:VSB131168 WBW131167:WBX131168 WLS131167:WLT131168 WVO131167:WVP131168 G196702:H196703 JC196703:JD196704 SY196703:SZ196704 ACU196703:ACV196704 AMQ196703:AMR196704 AWM196703:AWN196704 BGI196703:BGJ196704 BQE196703:BQF196704 CAA196703:CAB196704 CJW196703:CJX196704 CTS196703:CTT196704 DDO196703:DDP196704 DNK196703:DNL196704 DXG196703:DXH196704 EHC196703:EHD196704 EQY196703:EQZ196704 FAU196703:FAV196704 FKQ196703:FKR196704 FUM196703:FUN196704 GEI196703:GEJ196704 GOE196703:GOF196704 GYA196703:GYB196704 HHW196703:HHX196704 HRS196703:HRT196704 IBO196703:IBP196704 ILK196703:ILL196704 IVG196703:IVH196704 JFC196703:JFD196704 JOY196703:JOZ196704 JYU196703:JYV196704 KIQ196703:KIR196704 KSM196703:KSN196704 LCI196703:LCJ196704 LME196703:LMF196704 LWA196703:LWB196704 MFW196703:MFX196704 MPS196703:MPT196704 MZO196703:MZP196704 NJK196703:NJL196704 NTG196703:NTH196704 ODC196703:ODD196704 OMY196703:OMZ196704 OWU196703:OWV196704 PGQ196703:PGR196704 PQM196703:PQN196704 QAI196703:QAJ196704 QKE196703:QKF196704 QUA196703:QUB196704 RDW196703:RDX196704 RNS196703:RNT196704 RXO196703:RXP196704 SHK196703:SHL196704 SRG196703:SRH196704 TBC196703:TBD196704 TKY196703:TKZ196704 TUU196703:TUV196704 UEQ196703:UER196704 UOM196703:UON196704 UYI196703:UYJ196704 VIE196703:VIF196704 VSA196703:VSB196704 WBW196703:WBX196704 WLS196703:WLT196704 WVO196703:WVP196704 G262238:H262239 JC262239:JD262240 SY262239:SZ262240 ACU262239:ACV262240 AMQ262239:AMR262240 AWM262239:AWN262240 BGI262239:BGJ262240 BQE262239:BQF262240 CAA262239:CAB262240 CJW262239:CJX262240 CTS262239:CTT262240 DDO262239:DDP262240 DNK262239:DNL262240 DXG262239:DXH262240 EHC262239:EHD262240 EQY262239:EQZ262240 FAU262239:FAV262240 FKQ262239:FKR262240 FUM262239:FUN262240 GEI262239:GEJ262240 GOE262239:GOF262240 GYA262239:GYB262240 HHW262239:HHX262240 HRS262239:HRT262240 IBO262239:IBP262240 ILK262239:ILL262240 IVG262239:IVH262240 JFC262239:JFD262240 JOY262239:JOZ262240 JYU262239:JYV262240 KIQ262239:KIR262240 KSM262239:KSN262240 LCI262239:LCJ262240 LME262239:LMF262240 LWA262239:LWB262240 MFW262239:MFX262240 MPS262239:MPT262240 MZO262239:MZP262240 NJK262239:NJL262240 NTG262239:NTH262240 ODC262239:ODD262240 OMY262239:OMZ262240 OWU262239:OWV262240 PGQ262239:PGR262240 PQM262239:PQN262240 QAI262239:QAJ262240 QKE262239:QKF262240 QUA262239:QUB262240 RDW262239:RDX262240 RNS262239:RNT262240 RXO262239:RXP262240 SHK262239:SHL262240 SRG262239:SRH262240 TBC262239:TBD262240 TKY262239:TKZ262240 TUU262239:TUV262240 UEQ262239:UER262240 UOM262239:UON262240 UYI262239:UYJ262240 VIE262239:VIF262240 VSA262239:VSB262240 WBW262239:WBX262240 WLS262239:WLT262240 WVO262239:WVP262240 G327774:H327775 JC327775:JD327776 SY327775:SZ327776 ACU327775:ACV327776 AMQ327775:AMR327776 AWM327775:AWN327776 BGI327775:BGJ327776 BQE327775:BQF327776 CAA327775:CAB327776 CJW327775:CJX327776 CTS327775:CTT327776 DDO327775:DDP327776 DNK327775:DNL327776 DXG327775:DXH327776 EHC327775:EHD327776 EQY327775:EQZ327776 FAU327775:FAV327776 FKQ327775:FKR327776 FUM327775:FUN327776 GEI327775:GEJ327776 GOE327775:GOF327776 GYA327775:GYB327776 HHW327775:HHX327776 HRS327775:HRT327776 IBO327775:IBP327776 ILK327775:ILL327776 IVG327775:IVH327776 JFC327775:JFD327776 JOY327775:JOZ327776 JYU327775:JYV327776 KIQ327775:KIR327776 KSM327775:KSN327776 LCI327775:LCJ327776 LME327775:LMF327776 LWA327775:LWB327776 MFW327775:MFX327776 MPS327775:MPT327776 MZO327775:MZP327776 NJK327775:NJL327776 NTG327775:NTH327776 ODC327775:ODD327776 OMY327775:OMZ327776 OWU327775:OWV327776 PGQ327775:PGR327776 PQM327775:PQN327776 QAI327775:QAJ327776 QKE327775:QKF327776 QUA327775:QUB327776 RDW327775:RDX327776 RNS327775:RNT327776 RXO327775:RXP327776 SHK327775:SHL327776 SRG327775:SRH327776 TBC327775:TBD327776 TKY327775:TKZ327776 TUU327775:TUV327776 UEQ327775:UER327776 UOM327775:UON327776 UYI327775:UYJ327776 VIE327775:VIF327776 VSA327775:VSB327776 WBW327775:WBX327776 WLS327775:WLT327776 WVO327775:WVP327776 G393310:H393311 JC393311:JD393312 SY393311:SZ393312 ACU393311:ACV393312 AMQ393311:AMR393312 AWM393311:AWN393312 BGI393311:BGJ393312 BQE393311:BQF393312 CAA393311:CAB393312 CJW393311:CJX393312 CTS393311:CTT393312 DDO393311:DDP393312 DNK393311:DNL393312 DXG393311:DXH393312 EHC393311:EHD393312 EQY393311:EQZ393312 FAU393311:FAV393312 FKQ393311:FKR393312 FUM393311:FUN393312 GEI393311:GEJ393312 GOE393311:GOF393312 GYA393311:GYB393312 HHW393311:HHX393312 HRS393311:HRT393312 IBO393311:IBP393312 ILK393311:ILL393312 IVG393311:IVH393312 JFC393311:JFD393312 JOY393311:JOZ393312 JYU393311:JYV393312 KIQ393311:KIR393312 KSM393311:KSN393312 LCI393311:LCJ393312 LME393311:LMF393312 LWA393311:LWB393312 MFW393311:MFX393312 MPS393311:MPT393312 MZO393311:MZP393312 NJK393311:NJL393312 NTG393311:NTH393312 ODC393311:ODD393312 OMY393311:OMZ393312 OWU393311:OWV393312 PGQ393311:PGR393312 PQM393311:PQN393312 QAI393311:QAJ393312 QKE393311:QKF393312 QUA393311:QUB393312 RDW393311:RDX393312 RNS393311:RNT393312 RXO393311:RXP393312 SHK393311:SHL393312 SRG393311:SRH393312 TBC393311:TBD393312 TKY393311:TKZ393312 TUU393311:TUV393312 UEQ393311:UER393312 UOM393311:UON393312 UYI393311:UYJ393312 VIE393311:VIF393312 VSA393311:VSB393312 WBW393311:WBX393312 WLS393311:WLT393312 WVO393311:WVP393312 G458846:H458847 JC458847:JD458848 SY458847:SZ458848 ACU458847:ACV458848 AMQ458847:AMR458848 AWM458847:AWN458848 BGI458847:BGJ458848 BQE458847:BQF458848 CAA458847:CAB458848 CJW458847:CJX458848 CTS458847:CTT458848 DDO458847:DDP458848 DNK458847:DNL458848 DXG458847:DXH458848 EHC458847:EHD458848 EQY458847:EQZ458848 FAU458847:FAV458848 FKQ458847:FKR458848 FUM458847:FUN458848 GEI458847:GEJ458848 GOE458847:GOF458848 GYA458847:GYB458848 HHW458847:HHX458848 HRS458847:HRT458848 IBO458847:IBP458848 ILK458847:ILL458848 IVG458847:IVH458848 JFC458847:JFD458848 JOY458847:JOZ458848 JYU458847:JYV458848 KIQ458847:KIR458848 KSM458847:KSN458848 LCI458847:LCJ458848 LME458847:LMF458848 LWA458847:LWB458848 MFW458847:MFX458848 MPS458847:MPT458848 MZO458847:MZP458848 NJK458847:NJL458848 NTG458847:NTH458848 ODC458847:ODD458848 OMY458847:OMZ458848 OWU458847:OWV458848 PGQ458847:PGR458848 PQM458847:PQN458848 QAI458847:QAJ458848 QKE458847:QKF458848 QUA458847:QUB458848 RDW458847:RDX458848 RNS458847:RNT458848 RXO458847:RXP458848 SHK458847:SHL458848 SRG458847:SRH458848 TBC458847:TBD458848 TKY458847:TKZ458848 TUU458847:TUV458848 UEQ458847:UER458848 UOM458847:UON458848 UYI458847:UYJ458848 VIE458847:VIF458848 VSA458847:VSB458848 WBW458847:WBX458848 WLS458847:WLT458848 WVO458847:WVP458848 G524382:H524383 JC524383:JD524384 SY524383:SZ524384 ACU524383:ACV524384 AMQ524383:AMR524384 AWM524383:AWN524384 BGI524383:BGJ524384 BQE524383:BQF524384 CAA524383:CAB524384 CJW524383:CJX524384 CTS524383:CTT524384 DDO524383:DDP524384 DNK524383:DNL524384 DXG524383:DXH524384 EHC524383:EHD524384 EQY524383:EQZ524384 FAU524383:FAV524384 FKQ524383:FKR524384 FUM524383:FUN524384 GEI524383:GEJ524384 GOE524383:GOF524384 GYA524383:GYB524384 HHW524383:HHX524384 HRS524383:HRT524384 IBO524383:IBP524384 ILK524383:ILL524384 IVG524383:IVH524384 JFC524383:JFD524384 JOY524383:JOZ524384 JYU524383:JYV524384 KIQ524383:KIR524384 KSM524383:KSN524384 LCI524383:LCJ524384 LME524383:LMF524384 LWA524383:LWB524384 MFW524383:MFX524384 MPS524383:MPT524384 MZO524383:MZP524384 NJK524383:NJL524384 NTG524383:NTH524384 ODC524383:ODD524384 OMY524383:OMZ524384 OWU524383:OWV524384 PGQ524383:PGR524384 PQM524383:PQN524384 QAI524383:QAJ524384 QKE524383:QKF524384 QUA524383:QUB524384 RDW524383:RDX524384 RNS524383:RNT524384 RXO524383:RXP524384 SHK524383:SHL524384 SRG524383:SRH524384 TBC524383:TBD524384 TKY524383:TKZ524384 TUU524383:TUV524384 UEQ524383:UER524384 UOM524383:UON524384 UYI524383:UYJ524384 VIE524383:VIF524384 VSA524383:VSB524384 WBW524383:WBX524384 WLS524383:WLT524384 WVO524383:WVP524384 G589918:H589919 JC589919:JD589920 SY589919:SZ589920 ACU589919:ACV589920 AMQ589919:AMR589920 AWM589919:AWN589920 BGI589919:BGJ589920 BQE589919:BQF589920 CAA589919:CAB589920 CJW589919:CJX589920 CTS589919:CTT589920 DDO589919:DDP589920 DNK589919:DNL589920 DXG589919:DXH589920 EHC589919:EHD589920 EQY589919:EQZ589920 FAU589919:FAV589920 FKQ589919:FKR589920 FUM589919:FUN589920 GEI589919:GEJ589920 GOE589919:GOF589920 GYA589919:GYB589920 HHW589919:HHX589920 HRS589919:HRT589920 IBO589919:IBP589920 ILK589919:ILL589920 IVG589919:IVH589920 JFC589919:JFD589920 JOY589919:JOZ589920 JYU589919:JYV589920 KIQ589919:KIR589920 KSM589919:KSN589920 LCI589919:LCJ589920 LME589919:LMF589920 LWA589919:LWB589920 MFW589919:MFX589920 MPS589919:MPT589920 MZO589919:MZP589920 NJK589919:NJL589920 NTG589919:NTH589920 ODC589919:ODD589920 OMY589919:OMZ589920 OWU589919:OWV589920 PGQ589919:PGR589920 PQM589919:PQN589920 QAI589919:QAJ589920 QKE589919:QKF589920 QUA589919:QUB589920 RDW589919:RDX589920 RNS589919:RNT589920 RXO589919:RXP589920 SHK589919:SHL589920 SRG589919:SRH589920 TBC589919:TBD589920 TKY589919:TKZ589920 TUU589919:TUV589920 UEQ589919:UER589920 UOM589919:UON589920 UYI589919:UYJ589920 VIE589919:VIF589920 VSA589919:VSB589920 WBW589919:WBX589920 WLS589919:WLT589920 WVO589919:WVP589920 G655454:H655455 JC655455:JD655456 SY655455:SZ655456 ACU655455:ACV655456 AMQ655455:AMR655456 AWM655455:AWN655456 BGI655455:BGJ655456 BQE655455:BQF655456 CAA655455:CAB655456 CJW655455:CJX655456 CTS655455:CTT655456 DDO655455:DDP655456 DNK655455:DNL655456 DXG655455:DXH655456 EHC655455:EHD655456 EQY655455:EQZ655456 FAU655455:FAV655456 FKQ655455:FKR655456 FUM655455:FUN655456 GEI655455:GEJ655456 GOE655455:GOF655456 GYA655455:GYB655456 HHW655455:HHX655456 HRS655455:HRT655456 IBO655455:IBP655456 ILK655455:ILL655456 IVG655455:IVH655456 JFC655455:JFD655456 JOY655455:JOZ655456 JYU655455:JYV655456 KIQ655455:KIR655456 KSM655455:KSN655456 LCI655455:LCJ655456 LME655455:LMF655456 LWA655455:LWB655456 MFW655455:MFX655456 MPS655455:MPT655456 MZO655455:MZP655456 NJK655455:NJL655456 NTG655455:NTH655456 ODC655455:ODD655456 OMY655455:OMZ655456 OWU655455:OWV655456 PGQ655455:PGR655456 PQM655455:PQN655456 QAI655455:QAJ655456 QKE655455:QKF655456 QUA655455:QUB655456 RDW655455:RDX655456 RNS655455:RNT655456 RXO655455:RXP655456 SHK655455:SHL655456 SRG655455:SRH655456 TBC655455:TBD655456 TKY655455:TKZ655456 TUU655455:TUV655456 UEQ655455:UER655456 UOM655455:UON655456 UYI655455:UYJ655456 VIE655455:VIF655456 VSA655455:VSB655456 WBW655455:WBX655456 WLS655455:WLT655456 WVO655455:WVP655456 G720990:H720991 JC720991:JD720992 SY720991:SZ720992 ACU720991:ACV720992 AMQ720991:AMR720992 AWM720991:AWN720992 BGI720991:BGJ720992 BQE720991:BQF720992 CAA720991:CAB720992 CJW720991:CJX720992 CTS720991:CTT720992 DDO720991:DDP720992 DNK720991:DNL720992 DXG720991:DXH720992 EHC720991:EHD720992 EQY720991:EQZ720992 FAU720991:FAV720992 FKQ720991:FKR720992 FUM720991:FUN720992 GEI720991:GEJ720992 GOE720991:GOF720992 GYA720991:GYB720992 HHW720991:HHX720992 HRS720991:HRT720992 IBO720991:IBP720992 ILK720991:ILL720992 IVG720991:IVH720992 JFC720991:JFD720992 JOY720991:JOZ720992 JYU720991:JYV720992 KIQ720991:KIR720992 KSM720991:KSN720992 LCI720991:LCJ720992 LME720991:LMF720992 LWA720991:LWB720992 MFW720991:MFX720992 MPS720991:MPT720992 MZO720991:MZP720992 NJK720991:NJL720992 NTG720991:NTH720992 ODC720991:ODD720992 OMY720991:OMZ720992 OWU720991:OWV720992 PGQ720991:PGR720992 PQM720991:PQN720992 QAI720991:QAJ720992 QKE720991:QKF720992 QUA720991:QUB720992 RDW720991:RDX720992 RNS720991:RNT720992 RXO720991:RXP720992 SHK720991:SHL720992 SRG720991:SRH720992 TBC720991:TBD720992 TKY720991:TKZ720992 TUU720991:TUV720992 UEQ720991:UER720992 UOM720991:UON720992 UYI720991:UYJ720992 VIE720991:VIF720992 VSA720991:VSB720992 WBW720991:WBX720992 WLS720991:WLT720992 WVO720991:WVP720992 G786526:H786527 JC786527:JD786528 SY786527:SZ786528 ACU786527:ACV786528 AMQ786527:AMR786528 AWM786527:AWN786528 BGI786527:BGJ786528 BQE786527:BQF786528 CAA786527:CAB786528 CJW786527:CJX786528 CTS786527:CTT786528 DDO786527:DDP786528 DNK786527:DNL786528 DXG786527:DXH786528 EHC786527:EHD786528 EQY786527:EQZ786528 FAU786527:FAV786528 FKQ786527:FKR786528 FUM786527:FUN786528 GEI786527:GEJ786528 GOE786527:GOF786528 GYA786527:GYB786528 HHW786527:HHX786528 HRS786527:HRT786528 IBO786527:IBP786528 ILK786527:ILL786528 IVG786527:IVH786528 JFC786527:JFD786528 JOY786527:JOZ786528 JYU786527:JYV786528 KIQ786527:KIR786528 KSM786527:KSN786528 LCI786527:LCJ786528 LME786527:LMF786528 LWA786527:LWB786528 MFW786527:MFX786528 MPS786527:MPT786528 MZO786527:MZP786528 NJK786527:NJL786528 NTG786527:NTH786528 ODC786527:ODD786528 OMY786527:OMZ786528 OWU786527:OWV786528 PGQ786527:PGR786528 PQM786527:PQN786528 QAI786527:QAJ786528 QKE786527:QKF786528 QUA786527:QUB786528 RDW786527:RDX786528 RNS786527:RNT786528 RXO786527:RXP786528 SHK786527:SHL786528 SRG786527:SRH786528 TBC786527:TBD786528 TKY786527:TKZ786528 TUU786527:TUV786528 UEQ786527:UER786528 UOM786527:UON786528 UYI786527:UYJ786528 VIE786527:VIF786528 VSA786527:VSB786528 WBW786527:WBX786528 WLS786527:WLT786528 WVO786527:WVP786528 G852062:H852063 JC852063:JD852064 SY852063:SZ852064 ACU852063:ACV852064 AMQ852063:AMR852064 AWM852063:AWN852064 BGI852063:BGJ852064 BQE852063:BQF852064 CAA852063:CAB852064 CJW852063:CJX852064 CTS852063:CTT852064 DDO852063:DDP852064 DNK852063:DNL852064 DXG852063:DXH852064 EHC852063:EHD852064 EQY852063:EQZ852064 FAU852063:FAV852064 FKQ852063:FKR852064 FUM852063:FUN852064 GEI852063:GEJ852064 GOE852063:GOF852064 GYA852063:GYB852064 HHW852063:HHX852064 HRS852063:HRT852064 IBO852063:IBP852064 ILK852063:ILL852064 IVG852063:IVH852064 JFC852063:JFD852064 JOY852063:JOZ852064 JYU852063:JYV852064 KIQ852063:KIR852064 KSM852063:KSN852064 LCI852063:LCJ852064 LME852063:LMF852064 LWA852063:LWB852064 MFW852063:MFX852064 MPS852063:MPT852064 MZO852063:MZP852064 NJK852063:NJL852064 NTG852063:NTH852064 ODC852063:ODD852064 OMY852063:OMZ852064 OWU852063:OWV852064 PGQ852063:PGR852064 PQM852063:PQN852064 QAI852063:QAJ852064 QKE852063:QKF852064 QUA852063:QUB852064 RDW852063:RDX852064 RNS852063:RNT852064 RXO852063:RXP852064 SHK852063:SHL852064 SRG852063:SRH852064 TBC852063:TBD852064 TKY852063:TKZ852064 TUU852063:TUV852064 UEQ852063:UER852064 UOM852063:UON852064 UYI852063:UYJ852064 VIE852063:VIF852064 VSA852063:VSB852064 WBW852063:WBX852064 WLS852063:WLT852064 WVO852063:WVP852064 G917598:H917599 JC917599:JD917600 SY917599:SZ917600 ACU917599:ACV917600 AMQ917599:AMR917600 AWM917599:AWN917600 BGI917599:BGJ917600 BQE917599:BQF917600 CAA917599:CAB917600 CJW917599:CJX917600 CTS917599:CTT917600 DDO917599:DDP917600 DNK917599:DNL917600 DXG917599:DXH917600 EHC917599:EHD917600 EQY917599:EQZ917600 FAU917599:FAV917600 FKQ917599:FKR917600 FUM917599:FUN917600 GEI917599:GEJ917600 GOE917599:GOF917600 GYA917599:GYB917600 HHW917599:HHX917600 HRS917599:HRT917600 IBO917599:IBP917600 ILK917599:ILL917600 IVG917599:IVH917600 JFC917599:JFD917600 JOY917599:JOZ917600 JYU917599:JYV917600 KIQ917599:KIR917600 KSM917599:KSN917600 LCI917599:LCJ917600 LME917599:LMF917600 LWA917599:LWB917600 MFW917599:MFX917600 MPS917599:MPT917600 MZO917599:MZP917600 NJK917599:NJL917600 NTG917599:NTH917600 ODC917599:ODD917600 OMY917599:OMZ917600 OWU917599:OWV917600 PGQ917599:PGR917600 PQM917599:PQN917600 QAI917599:QAJ917600 QKE917599:QKF917600 QUA917599:QUB917600 RDW917599:RDX917600 RNS917599:RNT917600 RXO917599:RXP917600 SHK917599:SHL917600 SRG917599:SRH917600 TBC917599:TBD917600 TKY917599:TKZ917600 TUU917599:TUV917600 UEQ917599:UER917600 UOM917599:UON917600 UYI917599:UYJ917600 VIE917599:VIF917600 VSA917599:VSB917600 WBW917599:WBX917600 WLS917599:WLT917600 WVO917599:WVP917600 G983134:H983135 JC983135:JD983136 SY983135:SZ983136 ACU983135:ACV983136 AMQ983135:AMR983136 AWM983135:AWN983136 BGI983135:BGJ983136 BQE983135:BQF983136 CAA983135:CAB983136 CJW983135:CJX983136 CTS983135:CTT983136 DDO983135:DDP983136 DNK983135:DNL983136 DXG983135:DXH983136 EHC983135:EHD983136 EQY983135:EQZ983136 FAU983135:FAV983136 FKQ983135:FKR983136 FUM983135:FUN983136 GEI983135:GEJ983136 GOE983135:GOF983136 GYA983135:GYB983136 HHW983135:HHX983136 HRS983135:HRT983136 IBO983135:IBP983136 ILK983135:ILL983136 IVG983135:IVH983136 JFC983135:JFD983136 JOY983135:JOZ983136 JYU983135:JYV983136 KIQ983135:KIR983136 KSM983135:KSN983136 LCI983135:LCJ983136 LME983135:LMF983136 LWA983135:LWB983136 MFW983135:MFX983136 MPS983135:MPT983136 MZO983135:MZP983136 NJK983135:NJL983136 NTG983135:NTH983136 ODC983135:ODD983136 OMY983135:OMZ983136 OWU983135:OWV983136 PGQ983135:PGR983136 PQM983135:PQN983136 QAI983135:QAJ983136 QKE983135:QKF983136 QUA983135:QUB983136 RDW983135:RDX983136 RNS983135:RNT983136 RXO983135:RXP983136 SHK983135:SHL983136 SRG983135:SRH983136 TBC983135:TBD983136 TKY983135:TKZ983136 TUU983135:TUV983136 UEQ983135:UER983136 UOM983135:UON983136 UYI983135:UYJ983136 VIE983135:VIF983136 VSA983135:VSB983136 WBW983135:WBX983136 WLS983135:WLT983136 WVO983135:WVP983136 WVO109:WVP110 WLS109:WLT110 WBW109:WBX110 VSA109:VSB110 VIE109:VIF110 UYI109:UYJ110 UOM109:UON110 UEQ109:UER110 TUU109:TUV110 TKY109:TKZ110 TBC109:TBD110 SRG109:SRH110 SHK109:SHL110 RXO109:RXP110 RNS109:RNT110 RDW109:RDX110 QUA109:QUB110 QKE109:QKF110 QAI109:QAJ110 PQM109:PQN110 PGQ109:PGR110 OWU109:OWV110 OMY109:OMZ110 ODC109:ODD110 NTG109:NTH110 NJK109:NJL110 MZO109:MZP110 MPS109:MPT110 MFW109:MFX110 LWA109:LWB110 LME109:LMF110 LCI109:LCJ110 KSM109:KSN110 KIQ109:KIR110 JYU109:JYV110 JOY109:JOZ110 JFC109:JFD110 IVG109:IVH110 ILK109:ILL110 IBO109:IBP110 HRS109:HRT110 HHW109:HHX110 GYA109:GYB110 GOE109:GOF110 GEI109:GEJ110 FUM109:FUN110 FKQ109:FKR110 FAU109:FAV110 EQY109:EQZ110 EHC109:EHD110 DXG109:DXH110 DNK109:DNL110 DDO109:DDP110 CTS109:CTT110 CJW109:CJX110 CAA109:CAB110 BQE109:BQF110 BGI109:BGJ110 AWM109:AWN110 AMQ109:AMR110 ACU109:ACV110 SY109:SZ110 JC109:JD110 G108:H109">
      <formula1>"含有(Present)／非含有(Not present）,含有(Present),非含有(Not present）"</formula1>
    </dataValidation>
    <dataValidation type="list" allowBlank="1" showInputMessage="1" showErrorMessage="1" sqref="L65604:M65614 TD65605:TE65615 ACZ65605:ADA65615 AMV65605:AMW65615 AWR65605:AWS65615 BGN65605:BGO65615 BQJ65605:BQK65615 CAF65605:CAG65615 CKB65605:CKC65615 CTX65605:CTY65615 DDT65605:DDU65615 DNP65605:DNQ65615 DXL65605:DXM65615 EHH65605:EHI65615 ERD65605:ERE65615 FAZ65605:FBA65615 FKV65605:FKW65615 FUR65605:FUS65615 GEN65605:GEO65615 GOJ65605:GOK65615 GYF65605:GYG65615 HIB65605:HIC65615 HRX65605:HRY65615 IBT65605:IBU65615 ILP65605:ILQ65615 IVL65605:IVM65615 JFH65605:JFI65615 JPD65605:JPE65615 JYZ65605:JZA65615 KIV65605:KIW65615 KSR65605:KSS65615 LCN65605:LCO65615 LMJ65605:LMK65615 LWF65605:LWG65615 MGB65605:MGC65615 MPX65605:MPY65615 MZT65605:MZU65615 NJP65605:NJQ65615 NTL65605:NTM65615 ODH65605:ODI65615 OND65605:ONE65615 OWZ65605:OXA65615 PGV65605:PGW65615 PQR65605:PQS65615 QAN65605:QAO65615 QKJ65605:QKK65615 QUF65605:QUG65615 REB65605:REC65615 RNX65605:RNY65615 RXT65605:RXU65615 SHP65605:SHQ65615 SRL65605:SRM65615 TBH65605:TBI65615 TLD65605:TLE65615 TUZ65605:TVA65615 UEV65605:UEW65615 UOR65605:UOS65615 UYN65605:UYO65615 VIJ65605:VIK65615 VSF65605:VSG65615 WCB65605:WCC65615 WLX65605:WLY65615 WVT65605:WVU65615 L131140:M131150 JH131141:JI131151 TD131141:TE131151 ACZ131141:ADA131151 AMV131141:AMW131151 AWR131141:AWS131151 BGN131141:BGO131151 BQJ131141:BQK131151 CAF131141:CAG131151 CKB131141:CKC131151 CTX131141:CTY131151 DDT131141:DDU131151 DNP131141:DNQ131151 DXL131141:DXM131151 EHH131141:EHI131151 ERD131141:ERE131151 FAZ131141:FBA131151 FKV131141:FKW131151 FUR131141:FUS131151 GEN131141:GEO131151 GOJ131141:GOK131151 GYF131141:GYG131151 HIB131141:HIC131151 HRX131141:HRY131151 IBT131141:IBU131151 ILP131141:ILQ131151 IVL131141:IVM131151 JFH131141:JFI131151 JPD131141:JPE131151 JYZ131141:JZA131151 KIV131141:KIW131151 KSR131141:KSS131151 LCN131141:LCO131151 LMJ131141:LMK131151 LWF131141:LWG131151 MGB131141:MGC131151 MPX131141:MPY131151 MZT131141:MZU131151 NJP131141:NJQ131151 NTL131141:NTM131151 ODH131141:ODI131151 OND131141:ONE131151 OWZ131141:OXA131151 PGV131141:PGW131151 PQR131141:PQS131151 QAN131141:QAO131151 QKJ131141:QKK131151 QUF131141:QUG131151 REB131141:REC131151 RNX131141:RNY131151 RXT131141:RXU131151 SHP131141:SHQ131151 SRL131141:SRM131151 TBH131141:TBI131151 TLD131141:TLE131151 TUZ131141:TVA131151 UEV131141:UEW131151 UOR131141:UOS131151 UYN131141:UYO131151 VIJ131141:VIK131151 VSF131141:VSG131151 WCB131141:WCC131151 WLX131141:WLY131151 WVT131141:WVU131151 L196676:M196686 JH196677:JI196687 TD196677:TE196687 ACZ196677:ADA196687 AMV196677:AMW196687 AWR196677:AWS196687 BGN196677:BGO196687 BQJ196677:BQK196687 CAF196677:CAG196687 CKB196677:CKC196687 CTX196677:CTY196687 DDT196677:DDU196687 DNP196677:DNQ196687 DXL196677:DXM196687 EHH196677:EHI196687 ERD196677:ERE196687 FAZ196677:FBA196687 FKV196677:FKW196687 FUR196677:FUS196687 GEN196677:GEO196687 GOJ196677:GOK196687 GYF196677:GYG196687 HIB196677:HIC196687 HRX196677:HRY196687 IBT196677:IBU196687 ILP196677:ILQ196687 IVL196677:IVM196687 JFH196677:JFI196687 JPD196677:JPE196687 JYZ196677:JZA196687 KIV196677:KIW196687 KSR196677:KSS196687 LCN196677:LCO196687 LMJ196677:LMK196687 LWF196677:LWG196687 MGB196677:MGC196687 MPX196677:MPY196687 MZT196677:MZU196687 NJP196677:NJQ196687 NTL196677:NTM196687 ODH196677:ODI196687 OND196677:ONE196687 OWZ196677:OXA196687 PGV196677:PGW196687 PQR196677:PQS196687 QAN196677:QAO196687 QKJ196677:QKK196687 QUF196677:QUG196687 REB196677:REC196687 RNX196677:RNY196687 RXT196677:RXU196687 SHP196677:SHQ196687 SRL196677:SRM196687 TBH196677:TBI196687 TLD196677:TLE196687 TUZ196677:TVA196687 UEV196677:UEW196687 UOR196677:UOS196687 UYN196677:UYO196687 VIJ196677:VIK196687 VSF196677:VSG196687 WCB196677:WCC196687 WLX196677:WLY196687 WVT196677:WVU196687 L262212:M262222 JH262213:JI262223 TD262213:TE262223 ACZ262213:ADA262223 AMV262213:AMW262223 AWR262213:AWS262223 BGN262213:BGO262223 BQJ262213:BQK262223 CAF262213:CAG262223 CKB262213:CKC262223 CTX262213:CTY262223 DDT262213:DDU262223 DNP262213:DNQ262223 DXL262213:DXM262223 EHH262213:EHI262223 ERD262213:ERE262223 FAZ262213:FBA262223 FKV262213:FKW262223 FUR262213:FUS262223 GEN262213:GEO262223 GOJ262213:GOK262223 GYF262213:GYG262223 HIB262213:HIC262223 HRX262213:HRY262223 IBT262213:IBU262223 ILP262213:ILQ262223 IVL262213:IVM262223 JFH262213:JFI262223 JPD262213:JPE262223 JYZ262213:JZA262223 KIV262213:KIW262223 KSR262213:KSS262223 LCN262213:LCO262223 LMJ262213:LMK262223 LWF262213:LWG262223 MGB262213:MGC262223 MPX262213:MPY262223 MZT262213:MZU262223 NJP262213:NJQ262223 NTL262213:NTM262223 ODH262213:ODI262223 OND262213:ONE262223 OWZ262213:OXA262223 PGV262213:PGW262223 PQR262213:PQS262223 QAN262213:QAO262223 QKJ262213:QKK262223 QUF262213:QUG262223 REB262213:REC262223 RNX262213:RNY262223 RXT262213:RXU262223 SHP262213:SHQ262223 SRL262213:SRM262223 TBH262213:TBI262223 TLD262213:TLE262223 TUZ262213:TVA262223 UEV262213:UEW262223 UOR262213:UOS262223 UYN262213:UYO262223 VIJ262213:VIK262223 VSF262213:VSG262223 WCB262213:WCC262223 WLX262213:WLY262223 WVT262213:WVU262223 L327748:M327758 JH327749:JI327759 TD327749:TE327759 ACZ327749:ADA327759 AMV327749:AMW327759 AWR327749:AWS327759 BGN327749:BGO327759 BQJ327749:BQK327759 CAF327749:CAG327759 CKB327749:CKC327759 CTX327749:CTY327759 DDT327749:DDU327759 DNP327749:DNQ327759 DXL327749:DXM327759 EHH327749:EHI327759 ERD327749:ERE327759 FAZ327749:FBA327759 FKV327749:FKW327759 FUR327749:FUS327759 GEN327749:GEO327759 GOJ327749:GOK327759 GYF327749:GYG327759 HIB327749:HIC327759 HRX327749:HRY327759 IBT327749:IBU327759 ILP327749:ILQ327759 IVL327749:IVM327759 JFH327749:JFI327759 JPD327749:JPE327759 JYZ327749:JZA327759 KIV327749:KIW327759 KSR327749:KSS327759 LCN327749:LCO327759 LMJ327749:LMK327759 LWF327749:LWG327759 MGB327749:MGC327759 MPX327749:MPY327759 MZT327749:MZU327759 NJP327749:NJQ327759 NTL327749:NTM327759 ODH327749:ODI327759 OND327749:ONE327759 OWZ327749:OXA327759 PGV327749:PGW327759 PQR327749:PQS327759 QAN327749:QAO327759 QKJ327749:QKK327759 QUF327749:QUG327759 REB327749:REC327759 RNX327749:RNY327759 RXT327749:RXU327759 SHP327749:SHQ327759 SRL327749:SRM327759 TBH327749:TBI327759 TLD327749:TLE327759 TUZ327749:TVA327759 UEV327749:UEW327759 UOR327749:UOS327759 UYN327749:UYO327759 VIJ327749:VIK327759 VSF327749:VSG327759 WCB327749:WCC327759 WLX327749:WLY327759 WVT327749:WVU327759 L393284:M393294 JH393285:JI393295 TD393285:TE393295 ACZ393285:ADA393295 AMV393285:AMW393295 AWR393285:AWS393295 BGN393285:BGO393295 BQJ393285:BQK393295 CAF393285:CAG393295 CKB393285:CKC393295 CTX393285:CTY393295 DDT393285:DDU393295 DNP393285:DNQ393295 DXL393285:DXM393295 EHH393285:EHI393295 ERD393285:ERE393295 FAZ393285:FBA393295 FKV393285:FKW393295 FUR393285:FUS393295 GEN393285:GEO393295 GOJ393285:GOK393295 GYF393285:GYG393295 HIB393285:HIC393295 HRX393285:HRY393295 IBT393285:IBU393295 ILP393285:ILQ393295 IVL393285:IVM393295 JFH393285:JFI393295 JPD393285:JPE393295 JYZ393285:JZA393295 KIV393285:KIW393295 KSR393285:KSS393295 LCN393285:LCO393295 LMJ393285:LMK393295 LWF393285:LWG393295 MGB393285:MGC393295 MPX393285:MPY393295 MZT393285:MZU393295 NJP393285:NJQ393295 NTL393285:NTM393295 ODH393285:ODI393295 OND393285:ONE393295 OWZ393285:OXA393295 PGV393285:PGW393295 PQR393285:PQS393295 QAN393285:QAO393295 QKJ393285:QKK393295 QUF393285:QUG393295 REB393285:REC393295 RNX393285:RNY393295 RXT393285:RXU393295 SHP393285:SHQ393295 SRL393285:SRM393295 TBH393285:TBI393295 TLD393285:TLE393295 TUZ393285:TVA393295 UEV393285:UEW393295 UOR393285:UOS393295 UYN393285:UYO393295 VIJ393285:VIK393295 VSF393285:VSG393295 WCB393285:WCC393295 WLX393285:WLY393295 WVT393285:WVU393295 L458820:M458830 JH458821:JI458831 TD458821:TE458831 ACZ458821:ADA458831 AMV458821:AMW458831 AWR458821:AWS458831 BGN458821:BGO458831 BQJ458821:BQK458831 CAF458821:CAG458831 CKB458821:CKC458831 CTX458821:CTY458831 DDT458821:DDU458831 DNP458821:DNQ458831 DXL458821:DXM458831 EHH458821:EHI458831 ERD458821:ERE458831 FAZ458821:FBA458831 FKV458821:FKW458831 FUR458821:FUS458831 GEN458821:GEO458831 GOJ458821:GOK458831 GYF458821:GYG458831 HIB458821:HIC458831 HRX458821:HRY458831 IBT458821:IBU458831 ILP458821:ILQ458831 IVL458821:IVM458831 JFH458821:JFI458831 JPD458821:JPE458831 JYZ458821:JZA458831 KIV458821:KIW458831 KSR458821:KSS458831 LCN458821:LCO458831 LMJ458821:LMK458831 LWF458821:LWG458831 MGB458821:MGC458831 MPX458821:MPY458831 MZT458821:MZU458831 NJP458821:NJQ458831 NTL458821:NTM458831 ODH458821:ODI458831 OND458821:ONE458831 OWZ458821:OXA458831 PGV458821:PGW458831 PQR458821:PQS458831 QAN458821:QAO458831 QKJ458821:QKK458831 QUF458821:QUG458831 REB458821:REC458831 RNX458821:RNY458831 RXT458821:RXU458831 SHP458821:SHQ458831 SRL458821:SRM458831 TBH458821:TBI458831 TLD458821:TLE458831 TUZ458821:TVA458831 UEV458821:UEW458831 UOR458821:UOS458831 UYN458821:UYO458831 VIJ458821:VIK458831 VSF458821:VSG458831 WCB458821:WCC458831 WLX458821:WLY458831 WVT458821:WVU458831 L524356:M524366 JH524357:JI524367 TD524357:TE524367 ACZ524357:ADA524367 AMV524357:AMW524367 AWR524357:AWS524367 BGN524357:BGO524367 BQJ524357:BQK524367 CAF524357:CAG524367 CKB524357:CKC524367 CTX524357:CTY524367 DDT524357:DDU524367 DNP524357:DNQ524367 DXL524357:DXM524367 EHH524357:EHI524367 ERD524357:ERE524367 FAZ524357:FBA524367 FKV524357:FKW524367 FUR524357:FUS524367 GEN524357:GEO524367 GOJ524357:GOK524367 GYF524357:GYG524367 HIB524357:HIC524367 HRX524357:HRY524367 IBT524357:IBU524367 ILP524357:ILQ524367 IVL524357:IVM524367 JFH524357:JFI524367 JPD524357:JPE524367 JYZ524357:JZA524367 KIV524357:KIW524367 KSR524357:KSS524367 LCN524357:LCO524367 LMJ524357:LMK524367 LWF524357:LWG524367 MGB524357:MGC524367 MPX524357:MPY524367 MZT524357:MZU524367 NJP524357:NJQ524367 NTL524357:NTM524367 ODH524357:ODI524367 OND524357:ONE524367 OWZ524357:OXA524367 PGV524357:PGW524367 PQR524357:PQS524367 QAN524357:QAO524367 QKJ524357:QKK524367 QUF524357:QUG524367 REB524357:REC524367 RNX524357:RNY524367 RXT524357:RXU524367 SHP524357:SHQ524367 SRL524357:SRM524367 TBH524357:TBI524367 TLD524357:TLE524367 TUZ524357:TVA524367 UEV524357:UEW524367 UOR524357:UOS524367 UYN524357:UYO524367 VIJ524357:VIK524367 VSF524357:VSG524367 WCB524357:WCC524367 WLX524357:WLY524367 WVT524357:WVU524367 L589892:M589902 JH589893:JI589903 TD589893:TE589903 ACZ589893:ADA589903 AMV589893:AMW589903 AWR589893:AWS589903 BGN589893:BGO589903 BQJ589893:BQK589903 CAF589893:CAG589903 CKB589893:CKC589903 CTX589893:CTY589903 DDT589893:DDU589903 DNP589893:DNQ589903 DXL589893:DXM589903 EHH589893:EHI589903 ERD589893:ERE589903 FAZ589893:FBA589903 FKV589893:FKW589903 FUR589893:FUS589903 GEN589893:GEO589903 GOJ589893:GOK589903 GYF589893:GYG589903 HIB589893:HIC589903 HRX589893:HRY589903 IBT589893:IBU589903 ILP589893:ILQ589903 IVL589893:IVM589903 JFH589893:JFI589903 JPD589893:JPE589903 JYZ589893:JZA589903 KIV589893:KIW589903 KSR589893:KSS589903 LCN589893:LCO589903 LMJ589893:LMK589903 LWF589893:LWG589903 MGB589893:MGC589903 MPX589893:MPY589903 MZT589893:MZU589903 NJP589893:NJQ589903 NTL589893:NTM589903 ODH589893:ODI589903 OND589893:ONE589903 OWZ589893:OXA589903 PGV589893:PGW589903 PQR589893:PQS589903 QAN589893:QAO589903 QKJ589893:QKK589903 QUF589893:QUG589903 REB589893:REC589903 RNX589893:RNY589903 RXT589893:RXU589903 SHP589893:SHQ589903 SRL589893:SRM589903 TBH589893:TBI589903 TLD589893:TLE589903 TUZ589893:TVA589903 UEV589893:UEW589903 UOR589893:UOS589903 UYN589893:UYO589903 VIJ589893:VIK589903 VSF589893:VSG589903 WCB589893:WCC589903 WLX589893:WLY589903 WVT589893:WVU589903 L655428:M655438 JH655429:JI655439 TD655429:TE655439 ACZ655429:ADA655439 AMV655429:AMW655439 AWR655429:AWS655439 BGN655429:BGO655439 BQJ655429:BQK655439 CAF655429:CAG655439 CKB655429:CKC655439 CTX655429:CTY655439 DDT655429:DDU655439 DNP655429:DNQ655439 DXL655429:DXM655439 EHH655429:EHI655439 ERD655429:ERE655439 FAZ655429:FBA655439 FKV655429:FKW655439 FUR655429:FUS655439 GEN655429:GEO655439 GOJ655429:GOK655439 GYF655429:GYG655439 HIB655429:HIC655439 HRX655429:HRY655439 IBT655429:IBU655439 ILP655429:ILQ655439 IVL655429:IVM655439 JFH655429:JFI655439 JPD655429:JPE655439 JYZ655429:JZA655439 KIV655429:KIW655439 KSR655429:KSS655439 LCN655429:LCO655439 LMJ655429:LMK655439 LWF655429:LWG655439 MGB655429:MGC655439 MPX655429:MPY655439 MZT655429:MZU655439 NJP655429:NJQ655439 NTL655429:NTM655439 ODH655429:ODI655439 OND655429:ONE655439 OWZ655429:OXA655439 PGV655429:PGW655439 PQR655429:PQS655439 QAN655429:QAO655439 QKJ655429:QKK655439 QUF655429:QUG655439 REB655429:REC655439 RNX655429:RNY655439 RXT655429:RXU655439 SHP655429:SHQ655439 SRL655429:SRM655439 TBH655429:TBI655439 TLD655429:TLE655439 TUZ655429:TVA655439 UEV655429:UEW655439 UOR655429:UOS655439 UYN655429:UYO655439 VIJ655429:VIK655439 VSF655429:VSG655439 WCB655429:WCC655439 WLX655429:WLY655439 WVT655429:WVU655439 L720964:M720974 JH720965:JI720975 TD720965:TE720975 ACZ720965:ADA720975 AMV720965:AMW720975 AWR720965:AWS720975 BGN720965:BGO720975 BQJ720965:BQK720975 CAF720965:CAG720975 CKB720965:CKC720975 CTX720965:CTY720975 DDT720965:DDU720975 DNP720965:DNQ720975 DXL720965:DXM720975 EHH720965:EHI720975 ERD720965:ERE720975 FAZ720965:FBA720975 FKV720965:FKW720975 FUR720965:FUS720975 GEN720965:GEO720975 GOJ720965:GOK720975 GYF720965:GYG720975 HIB720965:HIC720975 HRX720965:HRY720975 IBT720965:IBU720975 ILP720965:ILQ720975 IVL720965:IVM720975 JFH720965:JFI720975 JPD720965:JPE720975 JYZ720965:JZA720975 KIV720965:KIW720975 KSR720965:KSS720975 LCN720965:LCO720975 LMJ720965:LMK720975 LWF720965:LWG720975 MGB720965:MGC720975 MPX720965:MPY720975 MZT720965:MZU720975 NJP720965:NJQ720975 NTL720965:NTM720975 ODH720965:ODI720975 OND720965:ONE720975 OWZ720965:OXA720975 PGV720965:PGW720975 PQR720965:PQS720975 QAN720965:QAO720975 QKJ720965:QKK720975 QUF720965:QUG720975 REB720965:REC720975 RNX720965:RNY720975 RXT720965:RXU720975 SHP720965:SHQ720975 SRL720965:SRM720975 TBH720965:TBI720975 TLD720965:TLE720975 TUZ720965:TVA720975 UEV720965:UEW720975 UOR720965:UOS720975 UYN720965:UYO720975 VIJ720965:VIK720975 VSF720965:VSG720975 WCB720965:WCC720975 WLX720965:WLY720975 WVT720965:WVU720975 L786500:M786510 JH786501:JI786511 TD786501:TE786511 ACZ786501:ADA786511 AMV786501:AMW786511 AWR786501:AWS786511 BGN786501:BGO786511 BQJ786501:BQK786511 CAF786501:CAG786511 CKB786501:CKC786511 CTX786501:CTY786511 DDT786501:DDU786511 DNP786501:DNQ786511 DXL786501:DXM786511 EHH786501:EHI786511 ERD786501:ERE786511 FAZ786501:FBA786511 FKV786501:FKW786511 FUR786501:FUS786511 GEN786501:GEO786511 GOJ786501:GOK786511 GYF786501:GYG786511 HIB786501:HIC786511 HRX786501:HRY786511 IBT786501:IBU786511 ILP786501:ILQ786511 IVL786501:IVM786511 JFH786501:JFI786511 JPD786501:JPE786511 JYZ786501:JZA786511 KIV786501:KIW786511 KSR786501:KSS786511 LCN786501:LCO786511 LMJ786501:LMK786511 LWF786501:LWG786511 MGB786501:MGC786511 MPX786501:MPY786511 MZT786501:MZU786511 NJP786501:NJQ786511 NTL786501:NTM786511 ODH786501:ODI786511 OND786501:ONE786511 OWZ786501:OXA786511 PGV786501:PGW786511 PQR786501:PQS786511 QAN786501:QAO786511 QKJ786501:QKK786511 QUF786501:QUG786511 REB786501:REC786511 RNX786501:RNY786511 RXT786501:RXU786511 SHP786501:SHQ786511 SRL786501:SRM786511 TBH786501:TBI786511 TLD786501:TLE786511 TUZ786501:TVA786511 UEV786501:UEW786511 UOR786501:UOS786511 UYN786501:UYO786511 VIJ786501:VIK786511 VSF786501:VSG786511 WCB786501:WCC786511 WLX786501:WLY786511 WVT786501:WVU786511 L852036:M852046 JH852037:JI852047 TD852037:TE852047 ACZ852037:ADA852047 AMV852037:AMW852047 AWR852037:AWS852047 BGN852037:BGO852047 BQJ852037:BQK852047 CAF852037:CAG852047 CKB852037:CKC852047 CTX852037:CTY852047 DDT852037:DDU852047 DNP852037:DNQ852047 DXL852037:DXM852047 EHH852037:EHI852047 ERD852037:ERE852047 FAZ852037:FBA852047 FKV852037:FKW852047 FUR852037:FUS852047 GEN852037:GEO852047 GOJ852037:GOK852047 GYF852037:GYG852047 HIB852037:HIC852047 HRX852037:HRY852047 IBT852037:IBU852047 ILP852037:ILQ852047 IVL852037:IVM852047 JFH852037:JFI852047 JPD852037:JPE852047 JYZ852037:JZA852047 KIV852037:KIW852047 KSR852037:KSS852047 LCN852037:LCO852047 LMJ852037:LMK852047 LWF852037:LWG852047 MGB852037:MGC852047 MPX852037:MPY852047 MZT852037:MZU852047 NJP852037:NJQ852047 NTL852037:NTM852047 ODH852037:ODI852047 OND852037:ONE852047 OWZ852037:OXA852047 PGV852037:PGW852047 PQR852037:PQS852047 QAN852037:QAO852047 QKJ852037:QKK852047 QUF852037:QUG852047 REB852037:REC852047 RNX852037:RNY852047 RXT852037:RXU852047 SHP852037:SHQ852047 SRL852037:SRM852047 TBH852037:TBI852047 TLD852037:TLE852047 TUZ852037:TVA852047 UEV852037:UEW852047 UOR852037:UOS852047 UYN852037:UYO852047 VIJ852037:VIK852047 VSF852037:VSG852047 WCB852037:WCC852047 WLX852037:WLY852047 WVT852037:WVU852047 L917572:M917582 JH917573:JI917583 TD917573:TE917583 ACZ917573:ADA917583 AMV917573:AMW917583 AWR917573:AWS917583 BGN917573:BGO917583 BQJ917573:BQK917583 CAF917573:CAG917583 CKB917573:CKC917583 CTX917573:CTY917583 DDT917573:DDU917583 DNP917573:DNQ917583 DXL917573:DXM917583 EHH917573:EHI917583 ERD917573:ERE917583 FAZ917573:FBA917583 FKV917573:FKW917583 FUR917573:FUS917583 GEN917573:GEO917583 GOJ917573:GOK917583 GYF917573:GYG917583 HIB917573:HIC917583 HRX917573:HRY917583 IBT917573:IBU917583 ILP917573:ILQ917583 IVL917573:IVM917583 JFH917573:JFI917583 JPD917573:JPE917583 JYZ917573:JZA917583 KIV917573:KIW917583 KSR917573:KSS917583 LCN917573:LCO917583 LMJ917573:LMK917583 LWF917573:LWG917583 MGB917573:MGC917583 MPX917573:MPY917583 MZT917573:MZU917583 NJP917573:NJQ917583 NTL917573:NTM917583 ODH917573:ODI917583 OND917573:ONE917583 OWZ917573:OXA917583 PGV917573:PGW917583 PQR917573:PQS917583 QAN917573:QAO917583 QKJ917573:QKK917583 QUF917573:QUG917583 REB917573:REC917583 RNX917573:RNY917583 RXT917573:RXU917583 SHP917573:SHQ917583 SRL917573:SRM917583 TBH917573:TBI917583 TLD917573:TLE917583 TUZ917573:TVA917583 UEV917573:UEW917583 UOR917573:UOS917583 UYN917573:UYO917583 VIJ917573:VIK917583 VSF917573:VSG917583 WCB917573:WCC917583 WLX917573:WLY917583 WVT917573:WVU917583 L983108:M983118 JH983109:JI983119 TD983109:TE983119 ACZ983109:ADA983119 AMV983109:AMW983119 AWR983109:AWS983119 BGN983109:BGO983119 BQJ983109:BQK983119 CAF983109:CAG983119 CKB983109:CKC983119 CTX983109:CTY983119 DDT983109:DDU983119 DNP983109:DNQ983119 DXL983109:DXM983119 EHH983109:EHI983119 ERD983109:ERE983119 FAZ983109:FBA983119 FKV983109:FKW983119 FUR983109:FUS983119 GEN983109:GEO983119 GOJ983109:GOK983119 GYF983109:GYG983119 HIB983109:HIC983119 HRX983109:HRY983119 IBT983109:IBU983119 ILP983109:ILQ983119 IVL983109:IVM983119 JFH983109:JFI983119 JPD983109:JPE983119 JYZ983109:JZA983119 KIV983109:KIW983119 KSR983109:KSS983119 LCN983109:LCO983119 LMJ983109:LMK983119 LWF983109:LWG983119 MGB983109:MGC983119 MPX983109:MPY983119 MZT983109:MZU983119 NJP983109:NJQ983119 NTL983109:NTM983119 ODH983109:ODI983119 OND983109:ONE983119 OWZ983109:OXA983119 PGV983109:PGW983119 PQR983109:PQS983119 QAN983109:QAO983119 QKJ983109:QKK983119 QUF983109:QUG983119 REB983109:REC983119 RNX983109:RNY983119 RXT983109:RXU983119 SHP983109:SHQ983119 SRL983109:SRM983119 TBH983109:TBI983119 TLD983109:TLE983119 TUZ983109:TVA983119 UEV983109:UEW983119 UOR983109:UOS983119 UYN983109:UYO983119 VIJ983109:VIK983119 VSF983109:VSG983119 WCB983109:WCC983119 WLX983109:WLY983119 WVT983109:WVU983119 JH65605:JI65615 JH52:JI52 L32:M49 TD52:TE52 L66:M67 ACZ50:ADA50 TD50:TE50 JH50:JI50 WVT50:WVU50 WLX50:WLY50 WCB50:WCC50 VSF50:VSG50 VIJ50:VIK50 UYN50:UYO50 UOR50:UOS50 UEV50:UEW50 TUZ50:TVA50 TLD50:TLE50 TBH50:TBI50 SRL50:SRM50 SHP50:SHQ50 RXT50:RXU50 RNX50:RNY50 REB50:REC50 QUF50:QUG50 QKJ50:QKK50 QAN50:QAO50 PQR50:PQS50 PGV50:PGW50 OWZ50:OXA50 OND50:ONE50 ODH50:ODI50 NTL50:NTM50 NJP50:NJQ50 MZT50:MZU50 MPX50:MPY50 MGB50:MGC50 LWF50:LWG50 LMJ50:LMK50 LCN50:LCO50 KSR50:KSS50 KIV50:KIW50 JYZ50:JZA50 JPD50:JPE50 JFH50:JFI50 IVL50:IVM50 ILP50:ILQ50 IBT50:IBU50 HRX50:HRY50 HIB50:HIC50 GYF50:GYG50 GOJ50:GOK50 GEN50:GEO50 FUR50:FUS50 FKV50:FKW50 FAZ50:FBA50 ERD50:ERE50 EHH50:EHI50 DXL50:DXM50 DNP50:DNQ50 DDT50:DDU50 CTX50:CTY50 CKB50:CKC50 CAF50:CAG50 BQJ50:BQK50 BGN50:BGO50 AWR50:AWS50 AMV50:AMW50 L51:M51 ACZ52:ADA52 AMV52:AMW52 AWR52:AWS52 BGN52:BGO52 BQJ52:BQK52 CAF52:CAG52 CKB52:CKC52 CTX52:CTY52 DDT52:DDU52 DNP52:DNQ52 DXL52:DXM52 EHH52:EHI52 ERD52:ERE52 FAZ52:FBA52 FKV52:FKW52 FUR52:FUS52 GEN52:GEO52 GOJ52:GOK52 GYF52:GYG52 HIB52:HIC52 HRX52:HRY52 IBT52:IBU52 ILP52:ILQ52 IVL52:IVM52 JFH52:JFI52 JPD52:JPE52 JYZ52:JZA52 KIV52:KIW52 KSR52:KSS52 LCN52:LCO52 LMJ52:LMK52 LWF52:LWG52 MGB52:MGC52 MPX52:MPY52 MZT52:MZU52 NJP52:NJQ52 NTL52:NTM52 ODH52:ODI52 OND52:ONE52 OWZ52:OXA52 PGV52:PGW52 PQR52:PQS52 QAN52:QAO52 QKJ52:QKK52 QUF52:QUG52 REB52:REC52 RNX52:RNY52 RXT52:RXU52 SHP52:SHQ52 SRL52:SRM52 TBH52:TBI52 TLD52:TLE52 TUZ52:TVA52 UEV52:UEW52 UOR52:UOS52 UYN52:UYO52 VIJ52:VIK52 VSF52:VSG52 WCB52:WCC52 WLX52:WLY52 WVT52:WVU52 TD58:TE71 JH58:JI71 WVT58:WVU71 WLX58:WLY71 WCB58:WCC71 VSF58:VSG71 VIJ58:VIK71 UYN58:UYO71 UOR58:UOS71 UEV58:UEW71 TUZ58:TVA71 TLD58:TLE71 TBH58:TBI71 SRL58:SRM71 SHP58:SHQ71 RXT58:RXU71 RNX58:RNY71 REB58:REC71 QUF58:QUG71 QKJ58:QKK71 QAN58:QAO71 PQR58:PQS71 PGV58:PGW71 OWZ58:OXA71 OND58:ONE71 ODH58:ODI71 NTL58:NTM71 NJP58:NJQ71 MZT58:MZU71 MPX58:MPY71 MGB58:MGC71 LWF58:LWG71 LMJ58:LMK71 LCN58:LCO71 KSR58:KSS71 KIV58:KIW71 JYZ58:JZA71 JPD58:JPE71 JFH58:JFI71 IVL58:IVM71 ILP58:ILQ71 IBT58:IBU71 HRX58:HRY71 HIB58:HIC71 GYF58:GYG71 GOJ58:GOK71 GEN58:GEO71 FUR58:FUS71 FKV58:FKW71 FAZ58:FBA71 ERD58:ERE71 EHH58:EHI71 DXL58:DXM71 DNP58:DNQ71 DDT58:DDU71 CTX58:CTY71 CKB58:CKC71 CAF58:CAG71 BQJ58:BQK71 BGN58:BGO71 AWR58:AWS71 AMV58:AMW71 ACZ58:ADA71">
      <formula1>"基準を満たす(Applicable)／満たさない(Not Applicable),基準を満たす(Applicable),満たさない(Not Applicable)"</formula1>
    </dataValidation>
  </dataValidations>
  <printOptions horizontalCentered="1"/>
  <pageMargins left="0.39370078740157483" right="0.19685039370078741" top="0.59055118110236227" bottom="0.43307086614173229" header="0.19685039370078741" footer="0.23622047244094491"/>
  <pageSetup paperSize="9" scale="46" fitToHeight="0" orientation="portrait" r:id="rId1"/>
  <headerFooter alignWithMargins="0">
    <oddFooter>&amp;LC.Part 2&amp;RV.13.0 (revised on Nov. 2021).</oddFooter>
  </headerFooter>
  <rowBreaks count="1" manualBreakCount="1">
    <brk id="51" max="13" man="1"/>
  </rowBreaks>
  <ignoredErrors>
    <ignoredError sqref="E28" twoDigitTextYear="1"/>
  </ignoredError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P58"/>
  <sheetViews>
    <sheetView showGridLines="0" view="pageBreakPreview" zoomScale="90" zoomScaleNormal="100" zoomScaleSheetLayoutView="90" zoomScalePageLayoutView="70" workbookViewId="0"/>
  </sheetViews>
  <sheetFormatPr defaultColWidth="0.85546875" defaultRowHeight="15.75" x14ac:dyDescent="0.15"/>
  <cols>
    <col min="1" max="1" width="2.140625" style="73" customWidth="1"/>
    <col min="2" max="2" width="1.85546875" style="75" customWidth="1"/>
    <col min="3" max="3" width="5.140625" style="76" bestFit="1" customWidth="1"/>
    <col min="4" max="4" width="3" style="77" customWidth="1"/>
    <col min="5" max="5" width="20" style="76" customWidth="1"/>
    <col min="6" max="6" width="5.42578125" style="78" bestFit="1" customWidth="1"/>
    <col min="7" max="7" width="98.85546875" style="79" customWidth="1"/>
    <col min="8" max="8" width="13.140625" style="77" customWidth="1"/>
    <col min="9" max="16384" width="0.85546875" style="77"/>
  </cols>
  <sheetData>
    <row r="1" spans="1:16" x14ac:dyDescent="0.15">
      <c r="H1" s="9" t="s">
        <v>1059</v>
      </c>
    </row>
    <row r="2" spans="1:16" x14ac:dyDescent="0.15">
      <c r="A2" s="128" t="s">
        <v>1060</v>
      </c>
      <c r="B2" s="174"/>
      <c r="C2" s="210"/>
      <c r="D2" s="180"/>
      <c r="E2" s="210"/>
      <c r="F2" s="211"/>
      <c r="G2" s="212"/>
      <c r="H2" s="180"/>
      <c r="I2" s="180"/>
      <c r="J2" s="180"/>
      <c r="K2" s="180"/>
      <c r="L2" s="180"/>
      <c r="M2" s="180"/>
      <c r="N2" s="180"/>
      <c r="O2" s="180"/>
      <c r="P2" s="180"/>
    </row>
    <row r="3" spans="1:16" ht="20.25" x14ac:dyDescent="0.15">
      <c r="A3" s="456"/>
      <c r="B3" s="457" t="s">
        <v>1061</v>
      </c>
      <c r="C3" s="458"/>
      <c r="D3" s="459"/>
      <c r="E3" s="460"/>
      <c r="F3" s="461"/>
      <c r="G3" s="462"/>
      <c r="H3" s="459"/>
      <c r="I3" s="180"/>
      <c r="J3" s="180"/>
      <c r="K3" s="180"/>
      <c r="L3" s="180"/>
      <c r="M3" s="180"/>
      <c r="N3" s="180"/>
      <c r="O3" s="180"/>
      <c r="P3" s="180"/>
    </row>
    <row r="4" spans="1:16" ht="20.25" x14ac:dyDescent="0.15">
      <c r="A4" s="463"/>
      <c r="B4" s="185" t="s">
        <v>1062</v>
      </c>
      <c r="C4" s="458"/>
      <c r="D4" s="459"/>
      <c r="E4" s="460"/>
      <c r="F4" s="461"/>
      <c r="G4" s="462"/>
      <c r="H4" s="459"/>
      <c r="I4" s="180"/>
      <c r="J4" s="180"/>
      <c r="K4" s="180"/>
      <c r="L4" s="180"/>
      <c r="M4" s="180"/>
      <c r="N4" s="180"/>
      <c r="O4" s="180"/>
      <c r="P4" s="180"/>
    </row>
    <row r="5" spans="1:16" ht="31.5" customHeight="1" thickBot="1" x14ac:dyDescent="0.2">
      <c r="A5" s="456"/>
      <c r="B5" s="464"/>
      <c r="C5" s="952" t="s">
        <v>1063</v>
      </c>
      <c r="D5" s="953"/>
      <c r="E5" s="954"/>
      <c r="F5" s="465" t="s">
        <v>12</v>
      </c>
      <c r="G5" s="466" t="s">
        <v>1064</v>
      </c>
      <c r="H5" s="83" t="s">
        <v>1065</v>
      </c>
      <c r="I5" s="467"/>
      <c r="J5" s="180"/>
      <c r="K5" s="180"/>
      <c r="L5" s="180"/>
      <c r="M5" s="180"/>
      <c r="N5" s="180"/>
      <c r="O5" s="180"/>
      <c r="P5" s="180"/>
    </row>
    <row r="6" spans="1:16" ht="15.75" customHeight="1" thickTop="1" x14ac:dyDescent="0.15">
      <c r="A6" s="456"/>
      <c r="B6" s="174"/>
      <c r="C6" s="181">
        <v>1</v>
      </c>
      <c r="D6" s="180" t="s">
        <v>1066</v>
      </c>
      <c r="E6" s="210"/>
      <c r="F6" s="211"/>
      <c r="G6" s="212"/>
      <c r="H6" s="468"/>
      <c r="I6" s="180"/>
      <c r="J6" s="180"/>
      <c r="K6" s="180"/>
      <c r="L6" s="180"/>
      <c r="M6" s="180"/>
      <c r="N6" s="180"/>
      <c r="O6" s="180"/>
      <c r="P6" s="180"/>
    </row>
    <row r="7" spans="1:16" ht="15.75" customHeight="1" x14ac:dyDescent="0.15">
      <c r="A7" s="456"/>
      <c r="B7" s="174"/>
      <c r="C7" s="181"/>
      <c r="D7" s="182"/>
      <c r="E7" s="87" t="s">
        <v>1067</v>
      </c>
      <c r="F7" s="191">
        <v>1</v>
      </c>
      <c r="G7" s="214" t="s">
        <v>1376</v>
      </c>
      <c r="H7" s="778" t="s">
        <v>1202</v>
      </c>
      <c r="I7" s="180"/>
      <c r="J7" s="180"/>
      <c r="K7" s="180"/>
      <c r="L7" s="180"/>
      <c r="M7" s="180"/>
      <c r="N7" s="180"/>
      <c r="O7" s="180"/>
      <c r="P7" s="180"/>
    </row>
    <row r="8" spans="1:16" ht="15.75" customHeight="1" x14ac:dyDescent="0.15">
      <c r="A8" s="463"/>
      <c r="B8" s="185"/>
      <c r="C8" s="181"/>
      <c r="D8" s="182"/>
      <c r="E8" s="469" t="s">
        <v>10</v>
      </c>
      <c r="F8" s="218"/>
      <c r="G8" s="215" t="s">
        <v>1377</v>
      </c>
      <c r="H8" s="778"/>
      <c r="I8" s="180"/>
      <c r="J8" s="180"/>
      <c r="K8" s="180"/>
      <c r="L8" s="180"/>
      <c r="M8" s="180"/>
      <c r="N8" s="180"/>
      <c r="O8" s="180"/>
      <c r="P8" s="180"/>
    </row>
    <row r="9" spans="1:16" ht="47.25" customHeight="1" x14ac:dyDescent="0.15">
      <c r="A9" s="456"/>
      <c r="B9" s="174"/>
      <c r="C9" s="181"/>
      <c r="D9" s="180"/>
      <c r="E9" s="955" t="s">
        <v>1068</v>
      </c>
      <c r="F9" s="191">
        <v>2</v>
      </c>
      <c r="G9" s="214" t="s">
        <v>1270</v>
      </c>
      <c r="H9" s="274" t="s">
        <v>98</v>
      </c>
      <c r="I9" s="180"/>
      <c r="J9" s="180"/>
      <c r="K9" s="180"/>
      <c r="L9" s="180"/>
      <c r="M9" s="180"/>
      <c r="N9" s="180"/>
      <c r="O9" s="180"/>
      <c r="P9" s="180"/>
    </row>
    <row r="10" spans="1:16" ht="63" customHeight="1" x14ac:dyDescent="0.15">
      <c r="A10" s="456"/>
      <c r="B10" s="174"/>
      <c r="C10" s="181"/>
      <c r="D10" s="180"/>
      <c r="E10" s="956"/>
      <c r="F10" s="470">
        <v>3</v>
      </c>
      <c r="G10" s="179" t="s">
        <v>1271</v>
      </c>
      <c r="H10" s="274"/>
      <c r="I10" s="180"/>
      <c r="J10" s="180"/>
      <c r="K10" s="180"/>
      <c r="L10" s="180"/>
      <c r="M10" s="180"/>
      <c r="N10" s="180"/>
      <c r="O10" s="180"/>
      <c r="P10" s="180"/>
    </row>
    <row r="11" spans="1:16" ht="15.75" customHeight="1" x14ac:dyDescent="0.15">
      <c r="A11" s="456"/>
      <c r="B11" s="174"/>
      <c r="C11" s="175">
        <v>2</v>
      </c>
      <c r="D11" s="176" t="s">
        <v>1260</v>
      </c>
      <c r="E11" s="471"/>
      <c r="F11" s="178"/>
      <c r="G11" s="179"/>
      <c r="H11" s="472"/>
      <c r="I11" s="180"/>
      <c r="J11" s="180"/>
      <c r="K11" s="180"/>
      <c r="L11" s="180"/>
      <c r="M11" s="180"/>
      <c r="N11" s="180"/>
      <c r="O11" s="180"/>
      <c r="P11" s="180"/>
    </row>
    <row r="12" spans="1:16" ht="15.75" customHeight="1" x14ac:dyDescent="0.15">
      <c r="A12" s="456"/>
      <c r="B12" s="174"/>
      <c r="C12" s="181"/>
      <c r="D12" s="180"/>
      <c r="E12" s="87" t="s">
        <v>1069</v>
      </c>
      <c r="F12" s="957">
        <v>1</v>
      </c>
      <c r="G12" s="958" t="s">
        <v>1268</v>
      </c>
      <c r="H12" s="778" t="s">
        <v>98</v>
      </c>
      <c r="I12" s="180"/>
      <c r="J12" s="180"/>
      <c r="K12" s="180"/>
      <c r="L12" s="180"/>
      <c r="M12" s="180"/>
      <c r="N12" s="180"/>
      <c r="O12" s="180"/>
      <c r="P12" s="180"/>
    </row>
    <row r="13" spans="1:16" ht="15.75" customHeight="1" x14ac:dyDescent="0.15">
      <c r="A13" s="456"/>
      <c r="B13" s="174"/>
      <c r="C13" s="181"/>
      <c r="D13" s="180"/>
      <c r="E13" s="469" t="s">
        <v>10</v>
      </c>
      <c r="F13" s="784"/>
      <c r="G13" s="959"/>
      <c r="H13" s="778"/>
      <c r="I13" s="180"/>
      <c r="J13" s="180"/>
      <c r="K13" s="180"/>
      <c r="L13" s="180"/>
      <c r="M13" s="180"/>
      <c r="N13" s="180"/>
      <c r="O13" s="180"/>
      <c r="P13" s="180"/>
    </row>
    <row r="14" spans="1:16" ht="31.5" customHeight="1" x14ac:dyDescent="0.15">
      <c r="A14" s="456"/>
      <c r="B14" s="174"/>
      <c r="C14" s="181"/>
      <c r="D14" s="180"/>
      <c r="E14" s="473" t="s">
        <v>1070</v>
      </c>
      <c r="F14" s="178">
        <v>2</v>
      </c>
      <c r="G14" s="474" t="s">
        <v>1375</v>
      </c>
      <c r="H14" s="472"/>
      <c r="I14" s="180"/>
      <c r="J14" s="180"/>
      <c r="K14" s="180"/>
      <c r="L14" s="180"/>
      <c r="M14" s="180"/>
      <c r="N14" s="180"/>
      <c r="O14" s="180"/>
      <c r="P14" s="180"/>
    </row>
    <row r="15" spans="1:16" ht="15.75" customHeight="1" x14ac:dyDescent="0.15">
      <c r="A15" s="456"/>
      <c r="B15" s="174"/>
      <c r="C15" s="181"/>
      <c r="D15" s="180"/>
      <c r="E15" s="475" t="s">
        <v>1272</v>
      </c>
      <c r="F15" s="178"/>
      <c r="G15" s="179"/>
      <c r="H15" s="472"/>
      <c r="I15" s="180"/>
      <c r="J15" s="180"/>
      <c r="K15" s="180"/>
      <c r="L15" s="180"/>
      <c r="M15" s="180"/>
      <c r="N15" s="180"/>
      <c r="O15" s="180"/>
      <c r="P15" s="180"/>
    </row>
    <row r="16" spans="1:16" ht="15.75" customHeight="1" x14ac:dyDescent="0.15">
      <c r="A16" s="456"/>
      <c r="B16" s="174"/>
      <c r="C16" s="175">
        <v>3</v>
      </c>
      <c r="D16" s="961" t="s">
        <v>1071</v>
      </c>
      <c r="E16" s="961"/>
      <c r="F16" s="961"/>
      <c r="G16" s="961"/>
      <c r="H16" s="472"/>
      <c r="I16" s="180"/>
      <c r="J16" s="180"/>
      <c r="K16" s="180"/>
      <c r="L16" s="180"/>
      <c r="M16" s="180"/>
      <c r="N16" s="180"/>
      <c r="O16" s="180"/>
      <c r="P16" s="180"/>
    </row>
    <row r="17" spans="1:16" ht="15.75" customHeight="1" x14ac:dyDescent="0.15">
      <c r="A17" s="456"/>
      <c r="B17" s="174"/>
      <c r="C17" s="181"/>
      <c r="D17" s="180"/>
      <c r="E17" s="87" t="s">
        <v>1072</v>
      </c>
      <c r="F17" s="966">
        <v>1</v>
      </c>
      <c r="G17" s="958" t="s">
        <v>1374</v>
      </c>
      <c r="H17" s="778" t="s">
        <v>98</v>
      </c>
      <c r="I17" s="180"/>
      <c r="J17" s="180"/>
      <c r="K17" s="180"/>
      <c r="L17" s="180"/>
      <c r="M17" s="180"/>
      <c r="N17" s="180"/>
      <c r="O17" s="180"/>
      <c r="P17" s="180"/>
    </row>
    <row r="18" spans="1:16" ht="15.75" customHeight="1" x14ac:dyDescent="0.15">
      <c r="A18" s="456"/>
      <c r="B18" s="174"/>
      <c r="C18" s="181"/>
      <c r="D18" s="180"/>
      <c r="E18" s="469" t="s">
        <v>1073</v>
      </c>
      <c r="F18" s="967"/>
      <c r="G18" s="959"/>
      <c r="H18" s="778"/>
      <c r="I18" s="180"/>
      <c r="J18" s="180"/>
      <c r="K18" s="180"/>
      <c r="L18" s="180"/>
      <c r="M18" s="180"/>
      <c r="N18" s="180"/>
      <c r="O18" s="180"/>
      <c r="P18" s="180"/>
    </row>
    <row r="19" spans="1:16" ht="15.75" customHeight="1" x14ac:dyDescent="0.15">
      <c r="A19" s="456"/>
      <c r="B19" s="174"/>
      <c r="C19" s="181"/>
      <c r="D19" s="180"/>
      <c r="E19" s="965" t="s">
        <v>1068</v>
      </c>
      <c r="F19" s="191">
        <v>2</v>
      </c>
      <c r="G19" s="474" t="s">
        <v>1265</v>
      </c>
      <c r="H19" s="472"/>
      <c r="I19" s="180"/>
      <c r="J19" s="180"/>
      <c r="K19" s="180"/>
      <c r="L19" s="180"/>
      <c r="M19" s="180"/>
      <c r="N19" s="180"/>
      <c r="O19" s="180"/>
      <c r="P19" s="180"/>
    </row>
    <row r="20" spans="1:16" ht="15.75" customHeight="1" x14ac:dyDescent="0.15">
      <c r="A20" s="456"/>
      <c r="B20" s="174"/>
      <c r="C20" s="181"/>
      <c r="D20" s="180"/>
      <c r="E20" s="968"/>
      <c r="F20" s="191">
        <v>3</v>
      </c>
      <c r="G20" s="474" t="s">
        <v>1266</v>
      </c>
      <c r="H20" s="472"/>
      <c r="I20" s="180"/>
      <c r="J20" s="180"/>
      <c r="K20" s="180"/>
      <c r="L20" s="180"/>
      <c r="M20" s="180"/>
      <c r="N20" s="180"/>
      <c r="O20" s="180"/>
      <c r="P20" s="180"/>
    </row>
    <row r="21" spans="1:16" ht="15.75" customHeight="1" x14ac:dyDescent="0.15">
      <c r="A21" s="456"/>
      <c r="B21" s="174"/>
      <c r="C21" s="181"/>
      <c r="D21" s="180"/>
      <c r="E21" s="476"/>
      <c r="F21" s="178"/>
      <c r="G21" s="179"/>
      <c r="H21" s="472"/>
      <c r="I21" s="180"/>
      <c r="J21" s="180"/>
      <c r="K21" s="180"/>
      <c r="L21" s="180"/>
      <c r="M21" s="180"/>
      <c r="N21" s="180"/>
      <c r="O21" s="180"/>
      <c r="P21" s="180"/>
    </row>
    <row r="22" spans="1:16" ht="15.75" customHeight="1" x14ac:dyDescent="0.15">
      <c r="A22" s="456"/>
      <c r="B22" s="174"/>
      <c r="C22" s="175">
        <v>4</v>
      </c>
      <c r="D22" s="960" t="s">
        <v>1074</v>
      </c>
      <c r="E22" s="961"/>
      <c r="F22" s="961"/>
      <c r="G22" s="961"/>
      <c r="H22" s="477"/>
      <c r="I22" s="180"/>
      <c r="J22" s="180"/>
      <c r="K22" s="180"/>
      <c r="L22" s="180"/>
      <c r="M22" s="180"/>
      <c r="N22" s="180"/>
      <c r="O22" s="180"/>
      <c r="P22" s="180"/>
    </row>
    <row r="23" spans="1:16" ht="15.75" customHeight="1" x14ac:dyDescent="0.15">
      <c r="A23" s="456"/>
      <c r="B23" s="174"/>
      <c r="C23" s="181"/>
      <c r="D23" s="182"/>
      <c r="E23" s="962" t="s">
        <v>1075</v>
      </c>
      <c r="F23" s="191">
        <v>1</v>
      </c>
      <c r="G23" s="192" t="s">
        <v>1179</v>
      </c>
      <c r="H23" s="778" t="s">
        <v>98</v>
      </c>
      <c r="I23" s="180"/>
      <c r="J23" s="180"/>
      <c r="K23" s="180"/>
      <c r="L23" s="180"/>
      <c r="M23" s="180"/>
      <c r="N23" s="180"/>
      <c r="O23" s="180"/>
      <c r="P23" s="180"/>
    </row>
    <row r="24" spans="1:16" ht="15.75" customHeight="1" x14ac:dyDescent="0.15">
      <c r="A24" s="463"/>
      <c r="B24" s="185"/>
      <c r="C24" s="181"/>
      <c r="D24" s="182"/>
      <c r="E24" s="963"/>
      <c r="F24" s="218"/>
      <c r="G24" s="193" t="s">
        <v>1185</v>
      </c>
      <c r="H24" s="778"/>
      <c r="I24" s="180"/>
      <c r="J24" s="180"/>
      <c r="K24" s="180"/>
      <c r="L24" s="180"/>
      <c r="M24" s="180"/>
      <c r="N24" s="180"/>
      <c r="O24" s="180"/>
      <c r="P24" s="180"/>
    </row>
    <row r="25" spans="1:16" ht="15.75" customHeight="1" x14ac:dyDescent="0.15">
      <c r="A25" s="463"/>
      <c r="B25" s="185"/>
      <c r="C25" s="181"/>
      <c r="D25" s="182"/>
      <c r="E25" s="964"/>
      <c r="F25" s="183">
        <v>2</v>
      </c>
      <c r="G25" s="478" t="s">
        <v>1378</v>
      </c>
      <c r="H25" s="274"/>
      <c r="I25" s="180"/>
      <c r="J25" s="180"/>
      <c r="K25" s="180"/>
      <c r="L25" s="180"/>
      <c r="M25" s="180"/>
      <c r="N25" s="180"/>
      <c r="O25" s="180"/>
      <c r="P25" s="180"/>
    </row>
    <row r="26" spans="1:16" ht="15.75" customHeight="1" x14ac:dyDescent="0.15">
      <c r="A26" s="456"/>
      <c r="B26" s="174"/>
      <c r="C26" s="181"/>
      <c r="D26" s="180"/>
      <c r="E26" s="965" t="s">
        <v>1076</v>
      </c>
      <c r="F26" s="957">
        <v>3</v>
      </c>
      <c r="G26" s="636" t="s">
        <v>1194</v>
      </c>
      <c r="H26" s="790"/>
      <c r="I26" s="180"/>
      <c r="J26" s="180"/>
      <c r="K26" s="180"/>
      <c r="L26" s="180"/>
      <c r="M26" s="180"/>
      <c r="N26" s="180"/>
      <c r="O26" s="180"/>
      <c r="P26" s="180"/>
    </row>
    <row r="27" spans="1:16" ht="15.75" customHeight="1" x14ac:dyDescent="0.15">
      <c r="A27" s="456"/>
      <c r="B27" s="174"/>
      <c r="C27" s="181"/>
      <c r="D27" s="180"/>
      <c r="E27" s="965"/>
      <c r="F27" s="783"/>
      <c r="G27" s="215" t="s">
        <v>1193</v>
      </c>
      <c r="H27" s="783"/>
      <c r="I27" s="180"/>
      <c r="J27" s="180"/>
      <c r="K27" s="180"/>
      <c r="L27" s="180"/>
      <c r="M27" s="180"/>
      <c r="N27" s="180"/>
      <c r="O27" s="180"/>
      <c r="P27" s="180"/>
    </row>
    <row r="28" spans="1:16" ht="15.75" customHeight="1" x14ac:dyDescent="0.15">
      <c r="A28" s="456"/>
      <c r="B28" s="174"/>
      <c r="C28" s="181"/>
      <c r="D28" s="180"/>
      <c r="E28" s="965"/>
      <c r="F28" s="783"/>
      <c r="G28" s="214" t="s">
        <v>1077</v>
      </c>
      <c r="H28" s="783"/>
      <c r="I28" s="180"/>
      <c r="J28" s="180"/>
      <c r="K28" s="180"/>
      <c r="L28" s="180"/>
      <c r="M28" s="180"/>
      <c r="N28" s="180"/>
      <c r="O28" s="180"/>
      <c r="P28" s="180"/>
    </row>
    <row r="29" spans="1:16" ht="15.75" customHeight="1" x14ac:dyDescent="0.15">
      <c r="A29" s="456"/>
      <c r="B29" s="174"/>
      <c r="C29" s="181"/>
      <c r="D29" s="180"/>
      <c r="E29" s="965"/>
      <c r="F29" s="784"/>
      <c r="G29" s="479" t="s">
        <v>122</v>
      </c>
      <c r="H29" s="784"/>
      <c r="I29" s="180"/>
      <c r="J29" s="180"/>
      <c r="K29" s="180"/>
      <c r="L29" s="180"/>
      <c r="M29" s="180"/>
      <c r="N29" s="180"/>
      <c r="O29" s="180"/>
      <c r="P29" s="180"/>
    </row>
    <row r="30" spans="1:16" ht="15.75" customHeight="1" x14ac:dyDescent="0.15">
      <c r="A30" s="456"/>
      <c r="B30" s="174"/>
      <c r="C30" s="181"/>
      <c r="D30" s="180"/>
      <c r="E30" s="480"/>
      <c r="F30" s="211"/>
      <c r="G30" s="481"/>
      <c r="H30" s="482"/>
      <c r="I30" s="180"/>
      <c r="J30" s="180"/>
      <c r="K30" s="180"/>
      <c r="L30" s="180"/>
      <c r="M30" s="180"/>
      <c r="N30" s="180"/>
      <c r="O30" s="180"/>
      <c r="P30" s="180"/>
    </row>
    <row r="31" spans="1:16" ht="15.75" customHeight="1" x14ac:dyDescent="0.15">
      <c r="A31" s="456"/>
      <c r="B31" s="174"/>
      <c r="C31" s="175">
        <v>5</v>
      </c>
      <c r="D31" s="176" t="s">
        <v>1464</v>
      </c>
      <c r="E31" s="480"/>
      <c r="F31" s="483"/>
      <c r="G31" s="192"/>
      <c r="H31" s="484"/>
      <c r="I31" s="180"/>
      <c r="J31" s="180"/>
      <c r="K31" s="180"/>
      <c r="L31" s="180"/>
      <c r="M31" s="180"/>
      <c r="N31" s="180"/>
      <c r="O31" s="180"/>
      <c r="P31" s="180"/>
    </row>
    <row r="32" spans="1:16" ht="31.5" customHeight="1" x14ac:dyDescent="0.15">
      <c r="A32" s="456"/>
      <c r="B32" s="174"/>
      <c r="C32" s="181"/>
      <c r="D32" s="182"/>
      <c r="E32" s="485" t="s">
        <v>1075</v>
      </c>
      <c r="F32" s="470">
        <v>1</v>
      </c>
      <c r="G32" s="486" t="s">
        <v>1379</v>
      </c>
      <c r="H32" s="487"/>
      <c r="I32" s="180"/>
      <c r="J32" s="180"/>
      <c r="K32" s="180"/>
      <c r="L32" s="180"/>
      <c r="M32" s="180"/>
      <c r="N32" s="180"/>
      <c r="O32" s="180"/>
      <c r="P32" s="180"/>
    </row>
    <row r="33" spans="1:16" ht="15.75" customHeight="1" x14ac:dyDescent="0.15">
      <c r="A33" s="456"/>
      <c r="B33" s="174"/>
      <c r="C33" s="181"/>
      <c r="D33" s="180"/>
      <c r="E33" s="965" t="s">
        <v>1078</v>
      </c>
      <c r="F33" s="957">
        <v>2</v>
      </c>
      <c r="G33" s="636" t="s">
        <v>1194</v>
      </c>
      <c r="H33" s="790"/>
      <c r="I33" s="180"/>
      <c r="J33" s="180"/>
      <c r="K33" s="180"/>
      <c r="L33" s="180"/>
      <c r="M33" s="180"/>
      <c r="N33" s="180"/>
      <c r="O33" s="180"/>
      <c r="P33" s="180"/>
    </row>
    <row r="34" spans="1:16" ht="15.75" customHeight="1" x14ac:dyDescent="0.15">
      <c r="A34" s="456"/>
      <c r="B34" s="174"/>
      <c r="C34" s="181"/>
      <c r="D34" s="180"/>
      <c r="E34" s="965"/>
      <c r="F34" s="783"/>
      <c r="G34" s="215" t="s">
        <v>1193</v>
      </c>
      <c r="H34" s="783"/>
      <c r="I34" s="180"/>
      <c r="J34" s="180"/>
      <c r="K34" s="180"/>
      <c r="L34" s="180"/>
      <c r="M34" s="180"/>
      <c r="N34" s="180"/>
      <c r="O34" s="180"/>
      <c r="P34" s="180"/>
    </row>
    <row r="35" spans="1:16" ht="15.75" customHeight="1" x14ac:dyDescent="0.15">
      <c r="A35" s="456"/>
      <c r="B35" s="174"/>
      <c r="C35" s="181"/>
      <c r="D35" s="180"/>
      <c r="E35" s="965"/>
      <c r="F35" s="783"/>
      <c r="G35" s="214" t="s">
        <v>1077</v>
      </c>
      <c r="H35" s="783"/>
      <c r="I35" s="180"/>
      <c r="J35" s="180"/>
      <c r="K35" s="180"/>
      <c r="L35" s="180"/>
      <c r="M35" s="180"/>
      <c r="N35" s="180"/>
      <c r="O35" s="180"/>
      <c r="P35" s="180"/>
    </row>
    <row r="36" spans="1:16" ht="15.75" customHeight="1" x14ac:dyDescent="0.15">
      <c r="A36" s="456"/>
      <c r="B36" s="174"/>
      <c r="C36" s="181"/>
      <c r="D36" s="180"/>
      <c r="E36" s="965"/>
      <c r="F36" s="784"/>
      <c r="G36" s="479" t="s">
        <v>1079</v>
      </c>
      <c r="H36" s="784"/>
      <c r="I36" s="180"/>
      <c r="J36" s="180"/>
      <c r="K36" s="180"/>
      <c r="L36" s="180"/>
      <c r="M36" s="180"/>
      <c r="N36" s="180"/>
      <c r="O36" s="180"/>
      <c r="P36" s="180"/>
    </row>
    <row r="37" spans="1:16" ht="15.75" customHeight="1" x14ac:dyDescent="0.15">
      <c r="A37" s="456"/>
      <c r="B37" s="174"/>
      <c r="C37" s="181"/>
      <c r="D37" s="180"/>
      <c r="E37" s="480"/>
      <c r="F37" s="178"/>
      <c r="G37" s="488"/>
      <c r="H37" s="472"/>
      <c r="I37" s="180"/>
      <c r="J37" s="180"/>
      <c r="K37" s="180"/>
      <c r="L37" s="180"/>
      <c r="M37" s="180"/>
      <c r="N37" s="180"/>
      <c r="O37" s="180"/>
      <c r="P37" s="180"/>
    </row>
    <row r="38" spans="1:16" ht="15.75" customHeight="1" x14ac:dyDescent="0.15">
      <c r="A38" s="456"/>
      <c r="B38" s="174"/>
      <c r="C38" s="175">
        <v>6</v>
      </c>
      <c r="D38" s="176" t="s">
        <v>1261</v>
      </c>
      <c r="E38" s="480"/>
      <c r="F38" s="178"/>
      <c r="G38" s="489"/>
      <c r="H38" s="490"/>
      <c r="I38" s="180"/>
      <c r="J38" s="180"/>
      <c r="K38" s="180"/>
      <c r="L38" s="180"/>
      <c r="M38" s="180"/>
      <c r="N38" s="180"/>
      <c r="O38" s="180"/>
      <c r="P38" s="180"/>
    </row>
    <row r="39" spans="1:16" ht="31.5" customHeight="1" x14ac:dyDescent="0.15">
      <c r="A39" s="456"/>
      <c r="B39" s="174"/>
      <c r="C39" s="181"/>
      <c r="D39" s="182"/>
      <c r="E39" s="681" t="s">
        <v>1263</v>
      </c>
      <c r="F39" s="957">
        <v>1</v>
      </c>
      <c r="G39" s="970" t="s">
        <v>1264</v>
      </c>
      <c r="H39" s="790"/>
      <c r="I39" s="180"/>
      <c r="J39" s="180"/>
      <c r="K39" s="180"/>
      <c r="L39" s="180"/>
      <c r="M39" s="180"/>
      <c r="N39" s="180"/>
      <c r="O39" s="180"/>
      <c r="P39" s="180"/>
    </row>
    <row r="40" spans="1:16" ht="15.75" customHeight="1" x14ac:dyDescent="0.15">
      <c r="A40" s="456"/>
      <c r="B40" s="174"/>
      <c r="C40" s="181"/>
      <c r="D40" s="180"/>
      <c r="E40" s="684" t="s">
        <v>1262</v>
      </c>
      <c r="F40" s="969"/>
      <c r="G40" s="971"/>
      <c r="H40" s="791"/>
      <c r="I40" s="180"/>
      <c r="J40" s="180"/>
      <c r="K40" s="180"/>
      <c r="L40" s="180"/>
      <c r="M40" s="180"/>
      <c r="N40" s="180"/>
      <c r="O40" s="180"/>
      <c r="P40" s="180"/>
    </row>
    <row r="41" spans="1:16" ht="27.75" x14ac:dyDescent="0.15">
      <c r="A41" s="456"/>
      <c r="B41" s="271"/>
      <c r="C41" s="181"/>
      <c r="D41" s="180"/>
      <c r="E41" s="645" t="s">
        <v>1076</v>
      </c>
      <c r="F41" s="470">
        <v>2</v>
      </c>
      <c r="G41" s="474" t="s">
        <v>1269</v>
      </c>
      <c r="H41" s="487"/>
      <c r="I41" s="180"/>
      <c r="J41" s="180"/>
      <c r="K41" s="180"/>
      <c r="L41" s="180"/>
      <c r="M41" s="180"/>
      <c r="N41" s="180"/>
      <c r="O41" s="180"/>
      <c r="P41" s="180"/>
    </row>
    <row r="42" spans="1:16" ht="15.75" customHeight="1" x14ac:dyDescent="0.15">
      <c r="A42" s="456"/>
      <c r="B42" s="271"/>
      <c r="C42" s="181"/>
      <c r="D42" s="180"/>
      <c r="E42" s="471"/>
      <c r="F42" s="178"/>
      <c r="G42" s="179"/>
      <c r="H42" s="472"/>
      <c r="I42" s="180"/>
      <c r="J42" s="180"/>
      <c r="K42" s="180"/>
      <c r="L42" s="180"/>
      <c r="M42" s="180"/>
      <c r="N42" s="180"/>
      <c r="O42" s="180"/>
      <c r="P42" s="180"/>
    </row>
    <row r="43" spans="1:16" ht="15.75" customHeight="1" x14ac:dyDescent="0.15">
      <c r="A43" s="456"/>
      <c r="B43" s="271"/>
      <c r="C43" s="175">
        <v>7</v>
      </c>
      <c r="D43" s="176" t="s">
        <v>1465</v>
      </c>
      <c r="E43" s="177"/>
      <c r="F43" s="178"/>
      <c r="G43" s="179"/>
      <c r="H43" s="472"/>
      <c r="I43" s="180"/>
      <c r="J43" s="180"/>
      <c r="K43" s="180"/>
      <c r="L43" s="180"/>
      <c r="M43" s="180"/>
      <c r="N43" s="180"/>
      <c r="O43" s="180"/>
      <c r="P43" s="180"/>
    </row>
    <row r="44" spans="1:16" ht="15.75" customHeight="1" x14ac:dyDescent="0.15">
      <c r="A44" s="456"/>
      <c r="B44" s="491"/>
      <c r="C44" s="181"/>
      <c r="D44" s="180"/>
      <c r="E44" s="87" t="s">
        <v>1067</v>
      </c>
      <c r="F44" s="957">
        <v>1</v>
      </c>
      <c r="G44" s="978" t="s">
        <v>1268</v>
      </c>
      <c r="H44" s="979" t="s">
        <v>1080</v>
      </c>
      <c r="I44" s="492"/>
      <c r="J44" s="492"/>
      <c r="K44" s="492"/>
      <c r="L44" s="492"/>
    </row>
    <row r="45" spans="1:16" ht="15.75" customHeight="1" x14ac:dyDescent="0.15">
      <c r="A45" s="456"/>
      <c r="B45" s="491"/>
      <c r="C45" s="181"/>
      <c r="D45" s="180"/>
      <c r="E45" s="469" t="s">
        <v>10</v>
      </c>
      <c r="F45" s="784"/>
      <c r="G45" s="959"/>
      <c r="H45" s="979"/>
      <c r="I45" s="492"/>
      <c r="J45" s="492"/>
      <c r="K45" s="492"/>
      <c r="L45" s="492"/>
    </row>
    <row r="46" spans="1:16" ht="31.5" customHeight="1" x14ac:dyDescent="0.15">
      <c r="A46" s="456"/>
      <c r="B46" s="491"/>
      <c r="C46" s="181"/>
      <c r="D46" s="180"/>
      <c r="E46" s="473" t="s">
        <v>1076</v>
      </c>
      <c r="F46" s="470">
        <v>2</v>
      </c>
      <c r="G46" s="474" t="s">
        <v>1267</v>
      </c>
      <c r="H46" s="493"/>
      <c r="I46" s="492"/>
      <c r="J46" s="492"/>
      <c r="K46" s="492"/>
      <c r="L46" s="492"/>
    </row>
    <row r="47" spans="1:16" ht="31.5" customHeight="1" x14ac:dyDescent="0.15">
      <c r="A47" s="456"/>
      <c r="B47" s="491"/>
      <c r="C47" s="181"/>
      <c r="D47" s="180"/>
      <c r="E47" s="972" t="s">
        <v>1380</v>
      </c>
      <c r="F47" s="973"/>
      <c r="G47" s="973"/>
      <c r="H47" s="974"/>
      <c r="I47" s="389"/>
      <c r="J47" s="389"/>
      <c r="K47" s="389"/>
      <c r="L47" s="389"/>
      <c r="M47" s="389"/>
      <c r="N47" s="389"/>
    </row>
    <row r="48" spans="1:16" ht="31.5" customHeight="1" x14ac:dyDescent="0.15">
      <c r="A48" s="456"/>
      <c r="B48" s="491"/>
      <c r="C48" s="181"/>
      <c r="D48" s="180"/>
      <c r="E48" s="975"/>
      <c r="F48" s="975"/>
      <c r="G48" s="975"/>
      <c r="H48" s="976"/>
      <c r="I48" s="389"/>
      <c r="J48" s="389"/>
      <c r="K48" s="389"/>
      <c r="L48" s="389"/>
      <c r="M48" s="389"/>
      <c r="N48" s="389"/>
    </row>
    <row r="49" spans="1:16" ht="15.75" customHeight="1" x14ac:dyDescent="0.15">
      <c r="A49" s="456"/>
      <c r="B49" s="491"/>
      <c r="C49" s="181"/>
      <c r="D49" s="180"/>
      <c r="E49" s="494" t="s">
        <v>1273</v>
      </c>
      <c r="F49" s="211"/>
      <c r="G49" s="212"/>
      <c r="H49" s="495"/>
      <c r="I49" s="492"/>
      <c r="J49" s="492"/>
      <c r="K49" s="492"/>
      <c r="L49" s="492"/>
    </row>
    <row r="50" spans="1:16" ht="15.75" customHeight="1" x14ac:dyDescent="0.15">
      <c r="A50" s="456"/>
      <c r="B50" s="491"/>
      <c r="C50" s="216"/>
      <c r="D50" s="496"/>
      <c r="E50" s="497"/>
      <c r="F50" s="498"/>
      <c r="G50" s="499"/>
      <c r="H50" s="500"/>
      <c r="I50" s="492"/>
      <c r="J50" s="492"/>
      <c r="K50" s="492"/>
      <c r="L50" s="492"/>
    </row>
    <row r="51" spans="1:16" s="180" customFormat="1" ht="15.75" customHeight="1" x14ac:dyDescent="0.15">
      <c r="A51" s="128"/>
      <c r="B51" s="271"/>
      <c r="C51" s="175">
        <v>8</v>
      </c>
      <c r="D51" s="506" t="s">
        <v>1277</v>
      </c>
      <c r="E51" s="507"/>
      <c r="F51" s="178"/>
      <c r="G51" s="179"/>
      <c r="H51" s="472"/>
      <c r="I51" s="508"/>
      <c r="J51" s="508"/>
      <c r="K51" s="508"/>
      <c r="L51" s="508"/>
      <c r="M51" s="508"/>
      <c r="N51" s="508"/>
    </row>
    <row r="52" spans="1:16" ht="17.45" customHeight="1" x14ac:dyDescent="0.15">
      <c r="B52" s="29"/>
      <c r="C52" s="502"/>
      <c r="D52" s="492"/>
      <c r="E52" s="690" t="s">
        <v>1278</v>
      </c>
      <c r="F52" s="688"/>
      <c r="G52" s="686"/>
      <c r="H52" s="689"/>
      <c r="I52" s="501"/>
      <c r="J52" s="501"/>
      <c r="K52" s="501"/>
      <c r="L52" s="501"/>
      <c r="M52" s="501"/>
      <c r="N52" s="501"/>
    </row>
    <row r="53" spans="1:16" x14ac:dyDescent="0.15">
      <c r="B53" s="29"/>
      <c r="C53" s="502"/>
      <c r="D53" s="492"/>
      <c r="E53" s="691"/>
      <c r="F53" s="692"/>
      <c r="G53" s="693"/>
      <c r="H53" s="689"/>
      <c r="I53" s="501"/>
      <c r="J53" s="501"/>
      <c r="K53" s="501"/>
      <c r="L53" s="501"/>
      <c r="M53" s="501"/>
      <c r="N53" s="501"/>
    </row>
    <row r="54" spans="1:16" x14ac:dyDescent="0.15">
      <c r="B54" s="29"/>
      <c r="C54" s="502"/>
      <c r="D54" s="492"/>
      <c r="E54" s="694"/>
      <c r="F54" s="695"/>
      <c r="G54" s="696"/>
      <c r="H54" s="495"/>
      <c r="I54" s="501"/>
      <c r="J54" s="501"/>
      <c r="K54" s="501"/>
      <c r="L54" s="501"/>
      <c r="M54" s="501"/>
      <c r="N54" s="501"/>
    </row>
    <row r="55" spans="1:16" s="180" customFormat="1" x14ac:dyDescent="0.15">
      <c r="A55" s="128"/>
      <c r="B55" s="271"/>
      <c r="C55" s="216"/>
      <c r="D55" s="496"/>
      <c r="E55" s="685"/>
      <c r="F55" s="498"/>
      <c r="G55" s="499"/>
      <c r="H55" s="687"/>
      <c r="I55" s="508"/>
      <c r="J55" s="508"/>
      <c r="K55" s="508"/>
      <c r="L55" s="508"/>
      <c r="M55" s="508"/>
      <c r="N55" s="508"/>
    </row>
    <row r="56" spans="1:16" x14ac:dyDescent="0.15">
      <c r="C56" s="503"/>
      <c r="D56" s="504"/>
      <c r="E56" s="118"/>
      <c r="F56" s="118"/>
      <c r="G56" s="443"/>
      <c r="H56" s="444"/>
    </row>
    <row r="57" spans="1:16" ht="15" x14ac:dyDescent="0.15">
      <c r="A57" s="924" t="s">
        <v>1081</v>
      </c>
      <c r="B57" s="977"/>
      <c r="C57" s="977"/>
      <c r="D57" s="977"/>
      <c r="E57" s="977"/>
      <c r="F57" s="977"/>
      <c r="G57" s="977"/>
      <c r="H57" s="977"/>
      <c r="I57" s="977"/>
      <c r="J57" s="977"/>
      <c r="K57" s="977"/>
      <c r="L57" s="977"/>
      <c r="M57" s="977"/>
      <c r="N57" s="977"/>
      <c r="O57" s="977"/>
      <c r="P57" s="977"/>
    </row>
    <row r="58" spans="1:16" x14ac:dyDescent="0.15">
      <c r="C58" s="62"/>
      <c r="D58" s="62"/>
      <c r="E58" s="62"/>
      <c r="F58" s="62"/>
      <c r="G58" s="62"/>
      <c r="H58" s="62"/>
    </row>
  </sheetData>
  <mergeCells count="28">
    <mergeCell ref="E47:H48"/>
    <mergeCell ref="A57:P57"/>
    <mergeCell ref="F44:F45"/>
    <mergeCell ref="G44:G45"/>
    <mergeCell ref="H44:H45"/>
    <mergeCell ref="F39:F40"/>
    <mergeCell ref="G39:G40"/>
    <mergeCell ref="H39:H40"/>
    <mergeCell ref="E33:E36"/>
    <mergeCell ref="F33:F36"/>
    <mergeCell ref="H33:H36"/>
    <mergeCell ref="D16:G16"/>
    <mergeCell ref="F17:F18"/>
    <mergeCell ref="G17:G18"/>
    <mergeCell ref="H17:H18"/>
    <mergeCell ref="E19:E20"/>
    <mergeCell ref="D22:G22"/>
    <mergeCell ref="E23:E25"/>
    <mergeCell ref="H23:H24"/>
    <mergeCell ref="E26:E29"/>
    <mergeCell ref="F26:F29"/>
    <mergeCell ref="H26:H29"/>
    <mergeCell ref="C5:E5"/>
    <mergeCell ref="H7:H8"/>
    <mergeCell ref="E9:E10"/>
    <mergeCell ref="F12:F13"/>
    <mergeCell ref="G12:G13"/>
    <mergeCell ref="H12:H13"/>
  </mergeCells>
  <phoneticPr fontId="9"/>
  <conditionalFormatting sqref="H7 H23">
    <cfRule type="cellIs" dxfId="12" priority="13" stopIfTrue="1" operator="equal">
      <formula>"X"</formula>
    </cfRule>
  </conditionalFormatting>
  <conditionalFormatting sqref="H9:H11 H14:H16 H19:H21 H49:H50">
    <cfRule type="cellIs" dxfId="11" priority="12" operator="equal">
      <formula>"X"</formula>
    </cfRule>
  </conditionalFormatting>
  <conditionalFormatting sqref="H26 H30">
    <cfRule type="cellIs" dxfId="10" priority="9" operator="equal">
      <formula>"X"</formula>
    </cfRule>
  </conditionalFormatting>
  <conditionalFormatting sqref="H12">
    <cfRule type="cellIs" dxfId="9" priority="11" stopIfTrue="1" operator="equal">
      <formula>"X"</formula>
    </cfRule>
  </conditionalFormatting>
  <conditionalFormatting sqref="H17">
    <cfRule type="cellIs" dxfId="8" priority="10" stopIfTrue="1" operator="equal">
      <formula>"X"</formula>
    </cfRule>
  </conditionalFormatting>
  <conditionalFormatting sqref="H32">
    <cfRule type="cellIs" dxfId="7" priority="8" operator="equal">
      <formula>"X"</formula>
    </cfRule>
  </conditionalFormatting>
  <conditionalFormatting sqref="H33 H37">
    <cfRule type="cellIs" dxfId="6" priority="7" operator="equal">
      <formula>"X"</formula>
    </cfRule>
  </conditionalFormatting>
  <conditionalFormatting sqref="H39">
    <cfRule type="cellIs" dxfId="5" priority="6" operator="equal">
      <formula>"X"</formula>
    </cfRule>
  </conditionalFormatting>
  <conditionalFormatting sqref="H41:H43">
    <cfRule type="cellIs" dxfId="4" priority="5" operator="equal">
      <formula>"X"</formula>
    </cfRule>
  </conditionalFormatting>
  <conditionalFormatting sqref="H46">
    <cfRule type="cellIs" dxfId="3" priority="4" operator="equal">
      <formula>"X"</formula>
    </cfRule>
  </conditionalFormatting>
  <conditionalFormatting sqref="H44">
    <cfRule type="cellIs" dxfId="2" priority="3" stopIfTrue="1" operator="equal">
      <formula>"X"</formula>
    </cfRule>
  </conditionalFormatting>
  <conditionalFormatting sqref="H51 H54:H55">
    <cfRule type="cellIs" dxfId="1" priority="2" operator="equal">
      <formula>"X"</formula>
    </cfRule>
  </conditionalFormatting>
  <conditionalFormatting sqref="H52">
    <cfRule type="cellIs" dxfId="0" priority="1" stopIfTrue="1" operator="equal">
      <formula>"X"</formula>
    </cfRule>
  </conditionalFormatting>
  <dataValidations count="2">
    <dataValidation type="list" allowBlank="1" showInputMessage="1" showErrorMessage="1" sqref="H23 H7 H9:H12 H14:H17 H19:H21 H30 H54:H55 H42:H44 H32:H33 H26 H46 H41 H39 H49:H51">
      <formula1>"　,X"</formula1>
    </dataValidation>
    <dataValidation showDropDown="1" showInputMessage="1" showErrorMessage="1" sqref="H52:H53"/>
  </dataValidations>
  <printOptions horizontalCentered="1"/>
  <pageMargins left="0.39370078740157483" right="0.19685039370078741" top="0.59055118110236227" bottom="0.43307086614173229" header="0.19685039370078741" footer="0.23622047244094491"/>
  <pageSetup paperSize="9" scale="67" orientation="portrait" r:id="rId1"/>
  <headerFooter alignWithMargins="0">
    <oddFooter>&amp;LPart 2 (appendix.)&amp;RV.13.0 (revised on Nov. 2021).</oddFoot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105"/>
  <sheetViews>
    <sheetView showGridLines="0" view="pageBreakPreview" zoomScale="90" zoomScaleNormal="85" zoomScaleSheetLayoutView="90" workbookViewId="0"/>
  </sheetViews>
  <sheetFormatPr defaultColWidth="1.5703125" defaultRowHeight="12.75" x14ac:dyDescent="0.15"/>
  <cols>
    <col min="1" max="1" width="5.7109375" style="41" customWidth="1"/>
    <col min="2" max="2" width="4.28515625" style="62" customWidth="1"/>
    <col min="3" max="3" width="39.7109375" style="41" customWidth="1"/>
    <col min="4" max="4" width="40.7109375" style="41" customWidth="1"/>
    <col min="5" max="5" width="38.5703125" style="41" customWidth="1"/>
    <col min="6" max="6" width="9.140625" style="41" customWidth="1"/>
    <col min="7" max="16384" width="1.5703125" style="41"/>
  </cols>
  <sheetData>
    <row r="1" spans="1:5" x14ac:dyDescent="0.15">
      <c r="A1" s="51"/>
      <c r="B1" s="541"/>
      <c r="C1" s="540"/>
      <c r="D1" s="119"/>
      <c r="E1" s="119" t="s">
        <v>135</v>
      </c>
    </row>
    <row r="2" spans="1:5" s="125" customFormat="1" ht="15.75" x14ac:dyDescent="0.15">
      <c r="A2" s="128" t="s">
        <v>1279</v>
      </c>
      <c r="B2" s="542"/>
      <c r="C2" s="127"/>
      <c r="D2" s="127"/>
      <c r="E2" s="127"/>
    </row>
    <row r="3" spans="1:5" s="125" customFormat="1" x14ac:dyDescent="0.15">
      <c r="A3" s="126"/>
      <c r="B3" s="542"/>
      <c r="C3" s="127"/>
      <c r="D3" s="127"/>
      <c r="E3" s="127"/>
    </row>
    <row r="4" spans="1:5" s="125" customFormat="1" x14ac:dyDescent="0.15">
      <c r="A4" s="126"/>
      <c r="B4" s="542"/>
      <c r="C4" s="127"/>
      <c r="D4" s="127"/>
      <c r="E4" s="127"/>
    </row>
    <row r="5" spans="1:5" s="125" customFormat="1" x14ac:dyDescent="0.15">
      <c r="A5" s="126" t="s">
        <v>1099</v>
      </c>
      <c r="B5" s="542"/>
      <c r="C5" s="127"/>
      <c r="D5" s="127"/>
      <c r="E5" s="127"/>
    </row>
    <row r="6" spans="1:5" s="125" customFormat="1" x14ac:dyDescent="0.15">
      <c r="A6" s="543"/>
      <c r="B6" s="980" t="s">
        <v>1100</v>
      </c>
      <c r="C6" s="544" t="s">
        <v>1280</v>
      </c>
      <c r="D6" s="544" t="s">
        <v>1281</v>
      </c>
      <c r="E6" s="545"/>
    </row>
    <row r="7" spans="1:5" s="125" customFormat="1" ht="13.5" thickBot="1" x14ac:dyDescent="0.2">
      <c r="A7" s="546"/>
      <c r="B7" s="981"/>
      <c r="C7" s="547" t="s">
        <v>137</v>
      </c>
      <c r="D7" s="548" t="s">
        <v>1101</v>
      </c>
      <c r="E7" s="548" t="s">
        <v>1102</v>
      </c>
    </row>
    <row r="8" spans="1:5" ht="13.5" thickTop="1" x14ac:dyDescent="0.15">
      <c r="A8" s="549" t="s">
        <v>1103</v>
      </c>
      <c r="B8" s="550"/>
      <c r="C8" s="551"/>
      <c r="D8" s="551"/>
      <c r="E8" s="552"/>
    </row>
    <row r="9" spans="1:5" x14ac:dyDescent="0.15">
      <c r="A9" s="553"/>
      <c r="B9" s="554">
        <v>1</v>
      </c>
      <c r="C9" s="132" t="s">
        <v>140</v>
      </c>
      <c r="D9" s="555" t="s">
        <v>1104</v>
      </c>
      <c r="E9" s="133"/>
    </row>
    <row r="10" spans="1:5" x14ac:dyDescent="0.15">
      <c r="A10" s="553"/>
      <c r="B10" s="556">
        <v>2</v>
      </c>
      <c r="C10" s="135" t="s">
        <v>165</v>
      </c>
      <c r="D10" s="557" t="s">
        <v>1104</v>
      </c>
      <c r="E10" s="558"/>
    </row>
    <row r="11" spans="1:5" x14ac:dyDescent="0.15">
      <c r="A11" s="553"/>
      <c r="B11" s="559">
        <v>3</v>
      </c>
      <c r="C11" s="140" t="s">
        <v>166</v>
      </c>
      <c r="D11" s="560" t="s">
        <v>1104</v>
      </c>
      <c r="E11" s="561"/>
    </row>
    <row r="12" spans="1:5" x14ac:dyDescent="0.15">
      <c r="A12" s="549" t="s">
        <v>1105</v>
      </c>
      <c r="B12" s="562"/>
      <c r="C12" s="142"/>
      <c r="D12" s="141"/>
      <c r="E12" s="563"/>
    </row>
    <row r="13" spans="1:5" x14ac:dyDescent="0.15">
      <c r="A13" s="553"/>
      <c r="B13" s="564">
        <v>1</v>
      </c>
      <c r="C13" s="133" t="s">
        <v>142</v>
      </c>
      <c r="D13" s="555" t="s">
        <v>1104</v>
      </c>
      <c r="E13" s="133"/>
    </row>
    <row r="14" spans="1:5" ht="24.75" x14ac:dyDescent="0.15">
      <c r="A14" s="553"/>
      <c r="B14" s="565">
        <v>2</v>
      </c>
      <c r="C14" s="136" t="s">
        <v>1106</v>
      </c>
      <c r="D14" s="566" t="s">
        <v>1104</v>
      </c>
      <c r="E14" s="136" t="s">
        <v>1282</v>
      </c>
    </row>
    <row r="15" spans="1:5" x14ac:dyDescent="0.15">
      <c r="A15" s="553"/>
      <c r="B15" s="565">
        <v>3</v>
      </c>
      <c r="C15" s="136" t="s">
        <v>1107</v>
      </c>
      <c r="D15" s="566" t="s">
        <v>1104</v>
      </c>
      <c r="E15" s="136"/>
    </row>
    <row r="16" spans="1:5" s="125" customFormat="1" ht="38.25" x14ac:dyDescent="0.15">
      <c r="A16" s="567"/>
      <c r="B16" s="139">
        <v>4</v>
      </c>
      <c r="C16" s="561" t="s">
        <v>1108</v>
      </c>
      <c r="D16" s="560" t="s">
        <v>1104</v>
      </c>
      <c r="E16" s="561"/>
    </row>
    <row r="17" spans="1:5" x14ac:dyDescent="0.15">
      <c r="A17" s="549" t="s">
        <v>1109</v>
      </c>
      <c r="B17" s="562"/>
      <c r="C17" s="568"/>
      <c r="D17" s="562"/>
      <c r="E17" s="569"/>
    </row>
    <row r="18" spans="1:5" x14ac:dyDescent="0.15">
      <c r="A18" s="553"/>
      <c r="B18" s="564">
        <v>1</v>
      </c>
      <c r="C18" s="570" t="s">
        <v>1110</v>
      </c>
      <c r="D18" s="571" t="s">
        <v>1111</v>
      </c>
      <c r="E18" s="572"/>
    </row>
    <row r="19" spans="1:5" x14ac:dyDescent="0.15">
      <c r="A19" s="553"/>
      <c r="B19" s="565">
        <v>2</v>
      </c>
      <c r="C19" s="573" t="s">
        <v>1112</v>
      </c>
      <c r="D19" s="574" t="s">
        <v>1111</v>
      </c>
      <c r="E19" s="575"/>
    </row>
    <row r="20" spans="1:5" ht="24.75" x14ac:dyDescent="0.15">
      <c r="A20" s="553"/>
      <c r="B20" s="565">
        <v>3</v>
      </c>
      <c r="C20" s="573" t="s">
        <v>1113</v>
      </c>
      <c r="D20" s="574" t="s">
        <v>1111</v>
      </c>
      <c r="E20" s="575"/>
    </row>
    <row r="21" spans="1:5" x14ac:dyDescent="0.15">
      <c r="A21" s="553"/>
      <c r="B21" s="565">
        <v>4</v>
      </c>
      <c r="C21" s="573" t="s">
        <v>1114</v>
      </c>
      <c r="D21" s="574" t="s">
        <v>1111</v>
      </c>
      <c r="E21" s="575"/>
    </row>
    <row r="22" spans="1:5" x14ac:dyDescent="0.15">
      <c r="A22" s="553"/>
      <c r="B22" s="565">
        <v>5</v>
      </c>
      <c r="C22" s="573" t="s">
        <v>1115</v>
      </c>
      <c r="D22" s="574" t="s">
        <v>1111</v>
      </c>
      <c r="E22" s="575"/>
    </row>
    <row r="23" spans="1:5" x14ac:dyDescent="0.15">
      <c r="A23" s="553"/>
      <c r="B23" s="565">
        <v>6</v>
      </c>
      <c r="C23" s="573" t="s">
        <v>1116</v>
      </c>
      <c r="D23" s="574" t="s">
        <v>1111</v>
      </c>
      <c r="E23" s="575"/>
    </row>
    <row r="24" spans="1:5" x14ac:dyDescent="0.15">
      <c r="A24" s="553"/>
      <c r="B24" s="565">
        <v>7</v>
      </c>
      <c r="C24" s="573" t="s">
        <v>1117</v>
      </c>
      <c r="D24" s="574" t="s">
        <v>1111</v>
      </c>
      <c r="E24" s="575"/>
    </row>
    <row r="25" spans="1:5" ht="25.5" x14ac:dyDescent="0.15">
      <c r="A25" s="553"/>
      <c r="B25" s="565">
        <v>8</v>
      </c>
      <c r="C25" s="576" t="s">
        <v>1118</v>
      </c>
      <c r="D25" s="577" t="s">
        <v>1111</v>
      </c>
      <c r="E25" s="578"/>
    </row>
    <row r="26" spans="1:5" s="125" customFormat="1" x14ac:dyDescent="0.15">
      <c r="A26" s="567"/>
      <c r="B26" s="137">
        <v>9</v>
      </c>
      <c r="C26" s="579" t="s">
        <v>174</v>
      </c>
      <c r="D26" s="580" t="s">
        <v>1104</v>
      </c>
      <c r="E26" s="581"/>
    </row>
    <row r="27" spans="1:5" s="125" customFormat="1" x14ac:dyDescent="0.15">
      <c r="A27" s="567"/>
      <c r="B27" s="137">
        <v>10</v>
      </c>
      <c r="C27" s="579" t="s">
        <v>150</v>
      </c>
      <c r="D27" s="580" t="s">
        <v>1104</v>
      </c>
      <c r="E27" s="581"/>
    </row>
    <row r="28" spans="1:5" s="125" customFormat="1" x14ac:dyDescent="0.15">
      <c r="A28" s="567"/>
      <c r="B28" s="137">
        <v>11</v>
      </c>
      <c r="C28" s="579" t="s">
        <v>151</v>
      </c>
      <c r="D28" s="580" t="s">
        <v>1104</v>
      </c>
      <c r="E28" s="581"/>
    </row>
    <row r="29" spans="1:5" s="125" customFormat="1" x14ac:dyDescent="0.15">
      <c r="A29" s="567"/>
      <c r="B29" s="137">
        <v>12</v>
      </c>
      <c r="C29" s="579" t="s">
        <v>152</v>
      </c>
      <c r="D29" s="580" t="s">
        <v>1104</v>
      </c>
      <c r="E29" s="581"/>
    </row>
    <row r="30" spans="1:5" s="125" customFormat="1" ht="25.5" customHeight="1" x14ac:dyDescent="0.15">
      <c r="A30" s="567"/>
      <c r="B30" s="137">
        <v>13</v>
      </c>
      <c r="C30" s="138" t="s">
        <v>153</v>
      </c>
      <c r="D30" s="566" t="s">
        <v>1104</v>
      </c>
      <c r="E30" s="136"/>
    </row>
    <row r="31" spans="1:5" s="125" customFormat="1" ht="25.5" customHeight="1" x14ac:dyDescent="0.15">
      <c r="A31" s="567"/>
      <c r="B31" s="697">
        <v>14</v>
      </c>
      <c r="C31" s="698" t="s">
        <v>1283</v>
      </c>
      <c r="D31" s="566" t="s">
        <v>1104</v>
      </c>
      <c r="E31" s="700"/>
    </row>
    <row r="32" spans="1:5" s="125" customFormat="1" ht="25.5" customHeight="1" x14ac:dyDescent="0.15">
      <c r="A32" s="582"/>
      <c r="B32" s="139">
        <v>15</v>
      </c>
      <c r="C32" s="701" t="s">
        <v>1284</v>
      </c>
      <c r="D32" s="702" t="s">
        <v>1285</v>
      </c>
      <c r="E32" s="561" t="s">
        <v>1286</v>
      </c>
    </row>
    <row r="33" spans="1:5" s="125" customFormat="1" x14ac:dyDescent="0.15">
      <c r="A33" s="213" t="s">
        <v>176</v>
      </c>
      <c r="B33" s="141"/>
      <c r="C33" s="142"/>
      <c r="D33" s="141"/>
      <c r="E33" s="145"/>
    </row>
    <row r="34" spans="1:5" s="125" customFormat="1" x14ac:dyDescent="0.15">
      <c r="A34" s="567"/>
      <c r="B34" s="143">
        <v>1</v>
      </c>
      <c r="C34" s="132" t="s">
        <v>154</v>
      </c>
      <c r="D34" s="555" t="s">
        <v>1104</v>
      </c>
      <c r="E34" s="133"/>
    </row>
    <row r="35" spans="1:5" s="125" customFormat="1" x14ac:dyDescent="0.15">
      <c r="A35" s="567"/>
      <c r="B35" s="137">
        <v>2</v>
      </c>
      <c r="C35" s="138" t="s">
        <v>155</v>
      </c>
      <c r="D35" s="566" t="s">
        <v>1104</v>
      </c>
      <c r="E35" s="136"/>
    </row>
    <row r="36" spans="1:5" s="125" customFormat="1" x14ac:dyDescent="0.15">
      <c r="A36" s="567"/>
      <c r="B36" s="137">
        <v>3</v>
      </c>
      <c r="C36" s="138" t="s">
        <v>156</v>
      </c>
      <c r="D36" s="566" t="s">
        <v>1104</v>
      </c>
      <c r="E36" s="136"/>
    </row>
    <row r="37" spans="1:5" s="125" customFormat="1" ht="24.75" x14ac:dyDescent="0.15">
      <c r="A37" s="567"/>
      <c r="B37" s="137">
        <v>4</v>
      </c>
      <c r="C37" s="138" t="s">
        <v>1119</v>
      </c>
      <c r="D37" s="566" t="s">
        <v>1104</v>
      </c>
      <c r="E37" s="583"/>
    </row>
    <row r="38" spans="1:5" s="125" customFormat="1" x14ac:dyDescent="0.15">
      <c r="A38" s="567"/>
      <c r="B38" s="137">
        <v>5</v>
      </c>
      <c r="C38" s="138" t="s">
        <v>157</v>
      </c>
      <c r="D38" s="566" t="s">
        <v>1104</v>
      </c>
      <c r="E38" s="136"/>
    </row>
    <row r="39" spans="1:5" s="125" customFormat="1" ht="24.75" x14ac:dyDescent="0.15">
      <c r="A39" s="567"/>
      <c r="B39" s="137">
        <v>6</v>
      </c>
      <c r="C39" s="138" t="s">
        <v>177</v>
      </c>
      <c r="D39" s="566" t="s">
        <v>1104</v>
      </c>
      <c r="E39" s="136" t="s">
        <v>1287</v>
      </c>
    </row>
    <row r="40" spans="1:5" s="125" customFormat="1" x14ac:dyDescent="0.15">
      <c r="A40" s="567"/>
      <c r="B40" s="137">
        <v>7</v>
      </c>
      <c r="C40" s="138" t="s">
        <v>179</v>
      </c>
      <c r="D40" s="566" t="s">
        <v>1104</v>
      </c>
      <c r="E40" s="136"/>
    </row>
    <row r="41" spans="1:5" s="125" customFormat="1" x14ac:dyDescent="0.15">
      <c r="A41" s="567"/>
      <c r="B41" s="137">
        <v>8</v>
      </c>
      <c r="C41" s="138" t="s">
        <v>158</v>
      </c>
      <c r="D41" s="566" t="s">
        <v>1104</v>
      </c>
      <c r="E41" s="136"/>
    </row>
    <row r="42" spans="1:5" s="125" customFormat="1" x14ac:dyDescent="0.15">
      <c r="A42" s="567"/>
      <c r="B42" s="137">
        <v>9</v>
      </c>
      <c r="C42" s="579" t="s">
        <v>159</v>
      </c>
      <c r="D42" s="580" t="s">
        <v>1104</v>
      </c>
      <c r="E42" s="581"/>
    </row>
    <row r="43" spans="1:5" s="125" customFormat="1" x14ac:dyDescent="0.15">
      <c r="A43" s="567"/>
      <c r="B43" s="137">
        <v>10</v>
      </c>
      <c r="C43" s="579" t="s">
        <v>1120</v>
      </c>
      <c r="D43" s="580" t="s">
        <v>1104</v>
      </c>
      <c r="E43" s="581"/>
    </row>
    <row r="44" spans="1:5" s="125" customFormat="1" x14ac:dyDescent="0.15">
      <c r="A44" s="567"/>
      <c r="B44" s="137">
        <v>11</v>
      </c>
      <c r="C44" s="579" t="s">
        <v>160</v>
      </c>
      <c r="D44" s="580" t="s">
        <v>1104</v>
      </c>
      <c r="E44" s="581"/>
    </row>
    <row r="45" spans="1:5" s="125" customFormat="1" x14ac:dyDescent="0.15">
      <c r="A45" s="567"/>
      <c r="B45" s="137">
        <v>12</v>
      </c>
      <c r="C45" s="579" t="s">
        <v>1121</v>
      </c>
      <c r="D45" s="580" t="s">
        <v>1104</v>
      </c>
      <c r="E45" s="581"/>
    </row>
    <row r="46" spans="1:5" s="125" customFormat="1" ht="24" x14ac:dyDescent="0.15">
      <c r="A46" s="567"/>
      <c r="B46" s="137">
        <v>13</v>
      </c>
      <c r="C46" s="579" t="s">
        <v>1122</v>
      </c>
      <c r="D46" s="580" t="s">
        <v>1104</v>
      </c>
      <c r="E46" s="581"/>
    </row>
    <row r="47" spans="1:5" s="125" customFormat="1" x14ac:dyDescent="0.15">
      <c r="A47" s="567"/>
      <c r="B47" s="137">
        <v>14</v>
      </c>
      <c r="C47" s="579" t="s">
        <v>182</v>
      </c>
      <c r="D47" s="580" t="s">
        <v>1104</v>
      </c>
      <c r="E47" s="581"/>
    </row>
    <row r="48" spans="1:5" s="125" customFormat="1" ht="40.5" customHeight="1" x14ac:dyDescent="0.15">
      <c r="A48" s="567"/>
      <c r="B48" s="137">
        <v>15</v>
      </c>
      <c r="C48" s="579" t="s">
        <v>1123</v>
      </c>
      <c r="D48" s="580" t="s">
        <v>1104</v>
      </c>
      <c r="E48" s="584"/>
    </row>
    <row r="49" spans="1:5" s="125" customFormat="1" x14ac:dyDescent="0.15">
      <c r="A49" s="567"/>
      <c r="B49" s="137">
        <v>16</v>
      </c>
      <c r="C49" s="138" t="s">
        <v>161</v>
      </c>
      <c r="D49" s="566" t="s">
        <v>1104</v>
      </c>
      <c r="E49" s="581"/>
    </row>
    <row r="50" spans="1:5" s="125" customFormat="1" ht="25.5" customHeight="1" x14ac:dyDescent="0.15">
      <c r="A50" s="567"/>
      <c r="B50" s="137">
        <v>17</v>
      </c>
      <c r="C50" s="138" t="s">
        <v>1124</v>
      </c>
      <c r="D50" s="566" t="s">
        <v>1104</v>
      </c>
      <c r="E50" s="581"/>
    </row>
    <row r="51" spans="1:5" s="125" customFormat="1" x14ac:dyDescent="0.15">
      <c r="A51" s="567"/>
      <c r="B51" s="137">
        <v>18</v>
      </c>
      <c r="C51" s="138" t="s">
        <v>1125</v>
      </c>
      <c r="D51" s="566" t="s">
        <v>1104</v>
      </c>
      <c r="E51" s="581"/>
    </row>
    <row r="52" spans="1:5" s="125" customFormat="1" ht="25.5" customHeight="1" x14ac:dyDescent="0.15">
      <c r="A52" s="567"/>
      <c r="B52" s="137">
        <v>19</v>
      </c>
      <c r="C52" s="138" t="s">
        <v>1126</v>
      </c>
      <c r="D52" s="566" t="s">
        <v>1127</v>
      </c>
      <c r="E52" s="638"/>
    </row>
    <row r="53" spans="1:5" s="125" customFormat="1" x14ac:dyDescent="0.15">
      <c r="A53" s="567"/>
      <c r="B53" s="137">
        <v>20</v>
      </c>
      <c r="C53" s="138" t="s">
        <v>1128</v>
      </c>
      <c r="D53" s="566" t="s">
        <v>1104</v>
      </c>
      <c r="E53" s="581"/>
    </row>
    <row r="54" spans="1:5" s="125" customFormat="1" x14ac:dyDescent="0.15">
      <c r="A54" s="567"/>
      <c r="B54" s="697">
        <v>21</v>
      </c>
      <c r="C54" s="698" t="s">
        <v>1129</v>
      </c>
      <c r="D54" s="699" t="s">
        <v>1104</v>
      </c>
      <c r="E54" s="703"/>
    </row>
    <row r="55" spans="1:5" s="125" customFormat="1" x14ac:dyDescent="0.15">
      <c r="A55" s="567"/>
      <c r="B55" s="697">
        <v>22</v>
      </c>
      <c r="C55" s="698" t="s">
        <v>1288</v>
      </c>
      <c r="D55" s="704" t="s">
        <v>1289</v>
      </c>
      <c r="E55" s="703" t="s">
        <v>1286</v>
      </c>
    </row>
    <row r="56" spans="1:5" s="125" customFormat="1" x14ac:dyDescent="0.15">
      <c r="A56" s="567"/>
      <c r="B56" s="697">
        <v>23</v>
      </c>
      <c r="C56" s="698" t="s">
        <v>1288</v>
      </c>
      <c r="D56" s="704" t="s">
        <v>1290</v>
      </c>
      <c r="E56" s="703" t="s">
        <v>1286</v>
      </c>
    </row>
    <row r="57" spans="1:5" s="125" customFormat="1" x14ac:dyDescent="0.15">
      <c r="A57" s="567"/>
      <c r="B57" s="697">
        <v>24</v>
      </c>
      <c r="C57" s="698" t="s">
        <v>1288</v>
      </c>
      <c r="D57" s="704" t="s">
        <v>1291</v>
      </c>
      <c r="E57" s="703" t="s">
        <v>1286</v>
      </c>
    </row>
    <row r="58" spans="1:5" s="125" customFormat="1" ht="25.5" x14ac:dyDescent="0.15">
      <c r="A58" s="567"/>
      <c r="B58" s="697">
        <v>25</v>
      </c>
      <c r="C58" s="698" t="s">
        <v>1288</v>
      </c>
      <c r="D58" s="704" t="s">
        <v>1292</v>
      </c>
      <c r="E58" s="703" t="s">
        <v>1286</v>
      </c>
    </row>
    <row r="59" spans="1:5" s="125" customFormat="1" ht="25.5" x14ac:dyDescent="0.15">
      <c r="A59" s="567"/>
      <c r="B59" s="697">
        <v>26</v>
      </c>
      <c r="C59" s="698" t="s">
        <v>1288</v>
      </c>
      <c r="D59" s="704" t="s">
        <v>1293</v>
      </c>
      <c r="E59" s="703" t="s">
        <v>1286</v>
      </c>
    </row>
    <row r="60" spans="1:5" s="125" customFormat="1" x14ac:dyDescent="0.15">
      <c r="A60" s="582"/>
      <c r="B60" s="139">
        <v>27</v>
      </c>
      <c r="C60" s="561" t="s">
        <v>1288</v>
      </c>
      <c r="D60" s="702" t="s">
        <v>1294</v>
      </c>
      <c r="E60" s="561" t="s">
        <v>1286</v>
      </c>
    </row>
    <row r="61" spans="1:5" x14ac:dyDescent="0.15">
      <c r="A61" s="549" t="s">
        <v>1130</v>
      </c>
      <c r="B61" s="562"/>
      <c r="C61" s="568"/>
      <c r="D61" s="562"/>
      <c r="E61" s="569"/>
    </row>
    <row r="62" spans="1:5" x14ac:dyDescent="0.15">
      <c r="A62" s="585"/>
      <c r="B62" s="586">
        <v>1</v>
      </c>
      <c r="C62" s="569" t="s">
        <v>1131</v>
      </c>
      <c r="D62" s="587" t="s">
        <v>1111</v>
      </c>
      <c r="E62" s="588"/>
    </row>
    <row r="63" spans="1:5" x14ac:dyDescent="0.15">
      <c r="A63" s="589" t="s">
        <v>1305</v>
      </c>
      <c r="B63" s="590"/>
      <c r="C63" s="591"/>
      <c r="D63" s="591"/>
      <c r="E63" s="592"/>
    </row>
    <row r="64" spans="1:5" s="125" customFormat="1" x14ac:dyDescent="0.15">
      <c r="A64" s="543"/>
      <c r="B64" s="980" t="s">
        <v>1100</v>
      </c>
      <c r="C64" s="544" t="s">
        <v>1280</v>
      </c>
      <c r="D64" s="544" t="s">
        <v>1295</v>
      </c>
      <c r="E64" s="545"/>
    </row>
    <row r="65" spans="1:5" s="125" customFormat="1" ht="13.5" thickBot="1" x14ac:dyDescent="0.2">
      <c r="A65" s="546"/>
      <c r="B65" s="981"/>
      <c r="C65" s="547" t="s">
        <v>137</v>
      </c>
      <c r="D65" s="548" t="s">
        <v>1101</v>
      </c>
      <c r="E65" s="548" t="s">
        <v>1102</v>
      </c>
    </row>
    <row r="66" spans="1:5" ht="13.5" thickTop="1" x14ac:dyDescent="0.15">
      <c r="A66" s="593" t="s">
        <v>1132</v>
      </c>
      <c r="B66" s="594"/>
      <c r="C66" s="509"/>
      <c r="D66" s="982" t="s">
        <v>1133</v>
      </c>
      <c r="E66" s="974"/>
    </row>
    <row r="67" spans="1:5" x14ac:dyDescent="0.15">
      <c r="A67" s="595"/>
      <c r="B67" s="596"/>
      <c r="C67" s="597"/>
      <c r="D67" s="983"/>
      <c r="E67" s="976"/>
    </row>
    <row r="68" spans="1:5" x14ac:dyDescent="0.15">
      <c r="A68" s="510" t="s">
        <v>1134</v>
      </c>
      <c r="B68" s="598"/>
      <c r="C68" s="126"/>
      <c r="D68" s="510"/>
      <c r="E68" s="599"/>
    </row>
    <row r="69" spans="1:5" x14ac:dyDescent="0.15">
      <c r="A69" s="549"/>
      <c r="B69" s="600">
        <v>1</v>
      </c>
      <c r="C69" s="601" t="s">
        <v>1135</v>
      </c>
      <c r="D69" s="602" t="s">
        <v>1136</v>
      </c>
      <c r="E69" s="603"/>
    </row>
    <row r="70" spans="1:5" x14ac:dyDescent="0.15">
      <c r="A70" s="549"/>
      <c r="B70" s="604"/>
      <c r="C70" s="605" t="s">
        <v>1137</v>
      </c>
      <c r="D70" s="580" t="s">
        <v>1136</v>
      </c>
      <c r="E70" s="606"/>
    </row>
    <row r="71" spans="1:5" x14ac:dyDescent="0.15">
      <c r="A71" s="549"/>
      <c r="B71" s="607">
        <v>2</v>
      </c>
      <c r="C71" s="581" t="s">
        <v>1138</v>
      </c>
      <c r="D71" s="608" t="s">
        <v>1136</v>
      </c>
      <c r="E71" s="609"/>
    </row>
    <row r="72" spans="1:5" x14ac:dyDescent="0.15">
      <c r="A72" s="549"/>
      <c r="B72" s="607">
        <v>3</v>
      </c>
      <c r="C72" s="581" t="s">
        <v>1139</v>
      </c>
      <c r="D72" s="608" t="s">
        <v>1136</v>
      </c>
      <c r="E72" s="609"/>
    </row>
    <row r="73" spans="1:5" x14ac:dyDescent="0.15">
      <c r="A73" s="549"/>
      <c r="B73" s="607">
        <v>4</v>
      </c>
      <c r="C73" s="581" t="s">
        <v>1140</v>
      </c>
      <c r="D73" s="608" t="s">
        <v>1136</v>
      </c>
      <c r="E73" s="609"/>
    </row>
    <row r="74" spans="1:5" ht="24" x14ac:dyDescent="0.15">
      <c r="A74" s="549"/>
      <c r="B74" s="607">
        <v>5</v>
      </c>
      <c r="C74" s="136" t="s">
        <v>1082</v>
      </c>
      <c r="D74" s="608" t="s">
        <v>1284</v>
      </c>
      <c r="E74" s="705" t="s">
        <v>1296</v>
      </c>
    </row>
    <row r="75" spans="1:5" x14ac:dyDescent="0.15">
      <c r="A75" s="549"/>
      <c r="B75" s="607">
        <v>5</v>
      </c>
      <c r="C75" s="581" t="s">
        <v>1083</v>
      </c>
      <c r="D75" s="608" t="s">
        <v>1136</v>
      </c>
      <c r="E75" s="706" t="s">
        <v>1416</v>
      </c>
    </row>
    <row r="76" spans="1:5" ht="39.75" customHeight="1" x14ac:dyDescent="0.15">
      <c r="A76" s="549"/>
      <c r="B76" s="607">
        <v>6</v>
      </c>
      <c r="C76" s="581" t="s">
        <v>1415</v>
      </c>
      <c r="D76" s="610" t="s">
        <v>1136</v>
      </c>
      <c r="E76" s="706" t="s">
        <v>1417</v>
      </c>
    </row>
    <row r="77" spans="1:5" ht="25.5" x14ac:dyDescent="0.15">
      <c r="A77" s="549"/>
      <c r="B77" s="607">
        <v>7</v>
      </c>
      <c r="C77" s="581" t="s">
        <v>1141</v>
      </c>
      <c r="D77" s="611" t="s">
        <v>1136</v>
      </c>
      <c r="E77" s="706" t="s">
        <v>1418</v>
      </c>
    </row>
    <row r="78" spans="1:5" x14ac:dyDescent="0.15">
      <c r="A78" s="549"/>
      <c r="B78" s="607">
        <v>8</v>
      </c>
      <c r="C78" s="581" t="s">
        <v>1142</v>
      </c>
      <c r="D78" s="612" t="s">
        <v>1136</v>
      </c>
      <c r="E78" s="706" t="s">
        <v>1419</v>
      </c>
    </row>
    <row r="79" spans="1:5" x14ac:dyDescent="0.15">
      <c r="A79" s="549"/>
      <c r="B79" s="607">
        <v>9</v>
      </c>
      <c r="C79" s="581" t="s">
        <v>1143</v>
      </c>
      <c r="D79" s="608" t="s">
        <v>1136</v>
      </c>
      <c r="E79" s="706" t="s">
        <v>1420</v>
      </c>
    </row>
    <row r="80" spans="1:5" x14ac:dyDescent="0.15">
      <c r="A80" s="549"/>
      <c r="B80" s="607">
        <v>10</v>
      </c>
      <c r="C80" s="581" t="s">
        <v>1144</v>
      </c>
      <c r="D80" s="608" t="s">
        <v>1136</v>
      </c>
      <c r="E80" s="706" t="s">
        <v>1421</v>
      </c>
    </row>
    <row r="81" spans="1:5" ht="25.5" x14ac:dyDescent="0.15">
      <c r="A81" s="549"/>
      <c r="B81" s="607">
        <v>11</v>
      </c>
      <c r="C81" s="581" t="s">
        <v>1145</v>
      </c>
      <c r="D81" s="608" t="s">
        <v>1136</v>
      </c>
      <c r="E81" s="706" t="s">
        <v>1422</v>
      </c>
    </row>
    <row r="82" spans="1:5" x14ac:dyDescent="0.15">
      <c r="A82" s="549"/>
      <c r="B82" s="604">
        <v>12</v>
      </c>
      <c r="C82" s="511" t="s">
        <v>1146</v>
      </c>
      <c r="D82" s="613" t="s">
        <v>1136</v>
      </c>
      <c r="E82" s="706" t="s">
        <v>1423</v>
      </c>
    </row>
    <row r="83" spans="1:5" x14ac:dyDescent="0.15">
      <c r="A83" s="510" t="s">
        <v>1147</v>
      </c>
      <c r="B83" s="614"/>
      <c r="C83" s="615"/>
      <c r="D83" s="616"/>
      <c r="E83" s="615"/>
    </row>
    <row r="84" spans="1:5" x14ac:dyDescent="0.15">
      <c r="A84" s="549"/>
      <c r="B84" s="600">
        <v>1</v>
      </c>
      <c r="C84" s="617" t="s">
        <v>1084</v>
      </c>
      <c r="D84" s="618" t="s">
        <v>1148</v>
      </c>
      <c r="E84" s="603"/>
    </row>
    <row r="85" spans="1:5" ht="24" x14ac:dyDescent="0.15">
      <c r="A85" s="549"/>
      <c r="B85" s="607">
        <v>2</v>
      </c>
      <c r="C85" s="707" t="s">
        <v>1297</v>
      </c>
      <c r="D85" s="566" t="s">
        <v>1136</v>
      </c>
      <c r="E85" s="708" t="s">
        <v>1298</v>
      </c>
    </row>
    <row r="86" spans="1:5" ht="14.25" x14ac:dyDescent="0.15">
      <c r="A86" s="549"/>
      <c r="B86" s="607">
        <v>3</v>
      </c>
      <c r="C86" s="619" t="s">
        <v>1085</v>
      </c>
      <c r="D86" s="621" t="s">
        <v>1136</v>
      </c>
      <c r="E86" s="609"/>
    </row>
    <row r="87" spans="1:5" x14ac:dyDescent="0.15">
      <c r="A87" s="549"/>
      <c r="B87" s="607">
        <v>4</v>
      </c>
      <c r="C87" s="619" t="s">
        <v>1086</v>
      </c>
      <c r="D87" s="580" t="s">
        <v>1136</v>
      </c>
      <c r="E87" s="620"/>
    </row>
    <row r="88" spans="1:5" x14ac:dyDescent="0.15">
      <c r="A88" s="549"/>
      <c r="B88" s="607">
        <v>5</v>
      </c>
      <c r="C88" s="619" t="s">
        <v>1149</v>
      </c>
      <c r="D88" s="580" t="s">
        <v>1136</v>
      </c>
      <c r="E88" s="609"/>
    </row>
    <row r="89" spans="1:5" ht="24.75" x14ac:dyDescent="0.15">
      <c r="A89" s="549"/>
      <c r="B89" s="607">
        <v>6</v>
      </c>
      <c r="C89" s="619" t="s">
        <v>312</v>
      </c>
      <c r="D89" s="709" t="s">
        <v>1299</v>
      </c>
      <c r="E89" s="710" t="s">
        <v>1424</v>
      </c>
    </row>
    <row r="90" spans="1:5" x14ac:dyDescent="0.15">
      <c r="A90" s="549"/>
      <c r="B90" s="711">
        <v>6</v>
      </c>
      <c r="C90" s="136" t="s">
        <v>1302</v>
      </c>
      <c r="D90" s="712" t="s">
        <v>1300</v>
      </c>
      <c r="E90" s="706" t="s">
        <v>1301</v>
      </c>
    </row>
    <row r="91" spans="1:5" ht="14.25" x14ac:dyDescent="0.15">
      <c r="A91" s="549"/>
      <c r="B91" s="604">
        <v>7</v>
      </c>
      <c r="C91" s="567" t="s">
        <v>1087</v>
      </c>
      <c r="D91" s="622" t="s">
        <v>1136</v>
      </c>
      <c r="E91" s="623"/>
    </row>
    <row r="92" spans="1:5" ht="24.75" x14ac:dyDescent="0.15">
      <c r="A92" s="549"/>
      <c r="B92" s="537">
        <v>8</v>
      </c>
      <c r="C92" s="713" t="s">
        <v>1303</v>
      </c>
      <c r="D92" s="714" t="s">
        <v>230</v>
      </c>
      <c r="E92" s="715" t="s">
        <v>1424</v>
      </c>
    </row>
    <row r="93" spans="1:5" x14ac:dyDescent="0.15">
      <c r="A93" s="624" t="s">
        <v>1150</v>
      </c>
      <c r="B93" s="625"/>
      <c r="C93" s="126"/>
      <c r="D93" s="626" t="s">
        <v>1104</v>
      </c>
      <c r="E93" s="525"/>
    </row>
    <row r="94" spans="1:5" x14ac:dyDescent="0.15">
      <c r="A94" s="510" t="s">
        <v>1151</v>
      </c>
      <c r="B94" s="627"/>
      <c r="C94" s="628"/>
      <c r="D94" s="629"/>
      <c r="E94" s="615"/>
    </row>
    <row r="95" spans="1:5" ht="25.5" x14ac:dyDescent="0.15">
      <c r="A95" s="549"/>
      <c r="B95" s="600">
        <v>1</v>
      </c>
      <c r="C95" s="717" t="s">
        <v>1152</v>
      </c>
      <c r="D95" s="630" t="s">
        <v>1148</v>
      </c>
      <c r="E95" s="603"/>
    </row>
    <row r="96" spans="1:5" x14ac:dyDescent="0.15">
      <c r="A96" s="549"/>
      <c r="B96" s="607">
        <v>2</v>
      </c>
      <c r="C96" s="619" t="s">
        <v>1153</v>
      </c>
      <c r="D96" s="580" t="s">
        <v>1136</v>
      </c>
      <c r="E96" s="609"/>
    </row>
    <row r="97" spans="1:5" ht="24.75" x14ac:dyDescent="0.15">
      <c r="A97" s="549"/>
      <c r="B97" s="607">
        <v>3</v>
      </c>
      <c r="C97" s="581" t="s">
        <v>1386</v>
      </c>
      <c r="D97" s="580" t="s">
        <v>1136</v>
      </c>
      <c r="E97" s="609"/>
    </row>
    <row r="98" spans="1:5" x14ac:dyDescent="0.15">
      <c r="A98" s="549"/>
      <c r="B98" s="607">
        <v>4</v>
      </c>
      <c r="C98" s="619" t="s">
        <v>1154</v>
      </c>
      <c r="D98" s="580" t="s">
        <v>1136</v>
      </c>
      <c r="E98" s="609"/>
    </row>
    <row r="99" spans="1:5" x14ac:dyDescent="0.15">
      <c r="A99" s="549"/>
      <c r="B99" s="607">
        <v>5</v>
      </c>
      <c r="C99" s="619" t="s">
        <v>1155</v>
      </c>
      <c r="D99" s="580" t="s">
        <v>1136</v>
      </c>
      <c r="E99" s="609"/>
    </row>
    <row r="100" spans="1:5" x14ac:dyDescent="0.15">
      <c r="A100" s="549"/>
      <c r="B100" s="607">
        <v>6</v>
      </c>
      <c r="C100" s="619" t="s">
        <v>1156</v>
      </c>
      <c r="D100" s="580" t="s">
        <v>1136</v>
      </c>
      <c r="E100" s="609"/>
    </row>
    <row r="101" spans="1:5" x14ac:dyDescent="0.15">
      <c r="A101" s="549"/>
      <c r="B101" s="607">
        <v>7</v>
      </c>
      <c r="C101" s="619" t="s">
        <v>1157</v>
      </c>
      <c r="D101" s="580" t="s">
        <v>1136</v>
      </c>
      <c r="E101" s="609"/>
    </row>
    <row r="102" spans="1:5" ht="31.5" customHeight="1" x14ac:dyDescent="0.15">
      <c r="A102" s="549"/>
      <c r="B102" s="607">
        <v>8</v>
      </c>
      <c r="C102" s="619" t="s">
        <v>1158</v>
      </c>
      <c r="D102" s="580" t="s">
        <v>1136</v>
      </c>
      <c r="E102" s="620"/>
    </row>
    <row r="103" spans="1:5" ht="31.5" customHeight="1" x14ac:dyDescent="0.15">
      <c r="A103" s="549"/>
      <c r="B103" s="607">
        <v>9</v>
      </c>
      <c r="C103" s="581" t="s">
        <v>1088</v>
      </c>
      <c r="D103" s="632" t="s">
        <v>230</v>
      </c>
      <c r="E103" s="708" t="s">
        <v>1304</v>
      </c>
    </row>
    <row r="104" spans="1:5" x14ac:dyDescent="0.15">
      <c r="A104" s="549"/>
      <c r="B104" s="631">
        <v>9</v>
      </c>
      <c r="C104" s="619" t="s">
        <v>1384</v>
      </c>
      <c r="D104" s="580" t="s">
        <v>1104</v>
      </c>
      <c r="E104" s="705" t="s">
        <v>1425</v>
      </c>
    </row>
    <row r="105" spans="1:5" ht="31.5" customHeight="1" x14ac:dyDescent="0.15">
      <c r="A105" s="633"/>
      <c r="B105" s="634">
        <v>10</v>
      </c>
      <c r="C105" s="152" t="s">
        <v>1385</v>
      </c>
      <c r="D105" s="724" t="s">
        <v>1383</v>
      </c>
      <c r="E105" s="716" t="s">
        <v>1426</v>
      </c>
    </row>
  </sheetData>
  <mergeCells count="3">
    <mergeCell ref="B6:B7"/>
    <mergeCell ref="B64:B65"/>
    <mergeCell ref="D66:E67"/>
  </mergeCells>
  <phoneticPr fontId="9"/>
  <printOptions horizontalCentered="1"/>
  <pageMargins left="0.78740157480314965" right="0.78740157480314965" top="0.98425196850393704" bottom="0.78740157480314965" header="0.31496062992125984" footer="0.31496062992125984"/>
  <pageSetup paperSize="9" scale="44"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0</vt:i4>
      </vt:variant>
      <vt:variant>
        <vt:lpstr>名前付き一覧</vt:lpstr>
      </vt:variant>
      <vt:variant>
        <vt:i4>15</vt:i4>
      </vt:variant>
    </vt:vector>
  </HeadingPairs>
  <TitlesOfParts>
    <vt:vector size="25" baseType="lpstr">
      <vt:lpstr>Note (Japanese)</vt:lpstr>
      <vt:lpstr>Note (English)</vt:lpstr>
      <vt:lpstr>A.RoHS</vt:lpstr>
      <vt:lpstr>B.Others</vt:lpstr>
      <vt:lpstr>A (appendix). RoHS</vt:lpstr>
      <vt:lpstr>B (appendix). Others</vt:lpstr>
      <vt:lpstr>C.Part 2 </vt:lpstr>
      <vt:lpstr>C (appendix).Part 2</vt:lpstr>
      <vt:lpstr>Revision Point</vt:lpstr>
      <vt:lpstr>Reference Reg.</vt:lpstr>
      <vt:lpstr>'A (appendix). RoHS'!Print_Area</vt:lpstr>
      <vt:lpstr>A.RoHS!Print_Area</vt:lpstr>
      <vt:lpstr>'B (appendix). Others'!Print_Area</vt:lpstr>
      <vt:lpstr>B.Others!Print_Area</vt:lpstr>
      <vt:lpstr>'C (appendix).Part 2'!Print_Area</vt:lpstr>
      <vt:lpstr>'C.Part 2 '!Print_Area</vt:lpstr>
      <vt:lpstr>'Note (English)'!Print_Area</vt:lpstr>
      <vt:lpstr>'Note (Japanese)'!Print_Area</vt:lpstr>
      <vt:lpstr>'Reference Reg.'!Print_Area</vt:lpstr>
      <vt:lpstr>'Revision Point'!Print_Area</vt:lpstr>
      <vt:lpstr>'A (appendix). RoHS'!Print_Titles</vt:lpstr>
      <vt:lpstr>A.RoHS!Print_Titles</vt:lpstr>
      <vt:lpstr>'B (appendix). Others'!Print_Titles</vt:lpstr>
      <vt:lpstr>B.Others!Print_Titles</vt:lpstr>
      <vt:lpstr>'C (appendix).Part 2'!Print_Titles</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安田剛郎/主事</dc:creator>
  <cp:lastModifiedBy>沖田剛志/主任</cp:lastModifiedBy>
  <cp:lastPrinted>2021-11-08T00:59:41Z</cp:lastPrinted>
  <dcterms:created xsi:type="dcterms:W3CDTF">2014-03-28T07:32:07Z</dcterms:created>
  <dcterms:modified xsi:type="dcterms:W3CDTF">2021-11-08T01:01:08Z</dcterms:modified>
</cp:coreProperties>
</file>